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charts/chart5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charts/chart6.xml" ContentType="application/vnd.openxmlformats-officedocument.drawingml.chart+xml"/>
  <Override PartName="/ppt/charts/style6.xml" ContentType="application/vnd.ms-office.chartstyle+xml"/>
  <Override PartName="/ppt/charts/colors6.xml" ContentType="application/vnd.ms-office.chartcolorstyle+xml"/>
  <Override PartName="/ppt/changesInfos/changesInfo1.xml" ContentType="application/vnd.ms-powerpoint.changesinfo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94" r:id="rId1"/>
  </p:sldMasterIdLst>
  <p:sldIdLst>
    <p:sldId id="256" r:id="rId2"/>
    <p:sldId id="257" r:id="rId3"/>
    <p:sldId id="263" r:id="rId4"/>
    <p:sldId id="262" r:id="rId5"/>
    <p:sldId id="258" r:id="rId6"/>
    <p:sldId id="259" r:id="rId7"/>
    <p:sldId id="260" r:id="rId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2CA6E866-61A1-0457-F225-E094EF8EE636}" v="78" dt="2024-01-18T15:07:36.298"/>
    <p1510:client id="{583A8709-31B6-40A5-9FFD-EE8BB0401448}" v="38" dt="2024-01-19T07:29:59.587"/>
    <p1510:client id="{6CC235B5-DBB2-4656-8214-4991D3B2268A}" v="441" dt="2024-01-19T08:41:10.663"/>
    <p1510:client id="{A945E7FA-1C6A-4C8E-949C-F4ACC6FD78F5}" v="133" dt="2024-01-19T07:55:04.719"/>
    <p1510:client id="{F10260B2-3F8C-FA11-5446-DE6959579CE5}" v="1186" dt="2024-01-18T14:14:56.558"/>
    <p1510:client id="{F99EB0FE-4E9A-8200-42A0-6ED1FF2F0C94}" v="84" dt="2024-01-18T09:31:45.802"/>
  </p1510:revLst>
</p1510:revInfo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slideViewPr>
    <p:cSldViewPr snapToGrid="0">
      <p:cViewPr>
        <p:scale>
          <a:sx n="1" d="2"/>
          <a:sy n="1" d="2"/>
        </p:scale>
        <p:origin x="0" y="0"/>
      </p:cViewPr>
      <p:guideLst/>
    </p:cSldViewPr>
  </p:slide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microsoft.com/office/2016/11/relationships/changesInfo" Target="changesInfos/changesInfo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Relationship Id="rId14" Type="http://schemas.microsoft.com/office/2015/10/relationships/revisionInfo" Target="revisionInfo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Sebastian Tobias Holdt" userId="S::s235475@dtu.dk::29775634-1935-48c5-b771-71a8eaed7775" providerId="AD" clId="Web-{2CA6E866-61A1-0457-F225-E094EF8EE636}"/>
    <pc:docChg chg="modSld">
      <pc:chgData name="Sebastian Tobias Holdt" userId="S::s235475@dtu.dk::29775634-1935-48c5-b771-71a8eaed7775" providerId="AD" clId="Web-{2CA6E866-61A1-0457-F225-E094EF8EE636}" dt="2024-01-18T15:07:36.298" v="43" actId="20577"/>
      <pc:docMkLst>
        <pc:docMk/>
      </pc:docMkLst>
      <pc:sldChg chg="modSp">
        <pc:chgData name="Sebastian Tobias Holdt" userId="S::s235475@dtu.dk::29775634-1935-48c5-b771-71a8eaed7775" providerId="AD" clId="Web-{2CA6E866-61A1-0457-F225-E094EF8EE636}" dt="2024-01-18T15:07:36.298" v="43" actId="20577"/>
        <pc:sldMkLst>
          <pc:docMk/>
          <pc:sldMk cId="3898717410" sldId="260"/>
        </pc:sldMkLst>
        <pc:spChg chg="mod">
          <ac:chgData name="Sebastian Tobias Holdt" userId="S::s235475@dtu.dk::29775634-1935-48c5-b771-71a8eaed7775" providerId="AD" clId="Web-{2CA6E866-61A1-0457-F225-E094EF8EE636}" dt="2024-01-18T15:07:36.298" v="43" actId="20577"/>
          <ac:spMkLst>
            <pc:docMk/>
            <pc:sldMk cId="3898717410" sldId="260"/>
            <ac:spMk id="5" creationId="{5B68F45A-0DD8-68B3-C421-BD6852E57519}"/>
          </ac:spMkLst>
        </pc:spChg>
      </pc:sldChg>
    </pc:docChg>
  </pc:docChgLst>
  <pc:docChgLst>
    <pc:chgData name="Bertram Fink-Jakobsen" userId="S::s235474@dtu.dk::cba138e6-e5ed-4461-84a2-934144b76085" providerId="AD" clId="Web-{FA93FC1D-E181-0BD5-56F1-A05FD3846F7E}"/>
    <pc:docChg chg="addSld modSld">
      <pc:chgData name="Bertram Fink-Jakobsen" userId="S::s235474@dtu.dk::cba138e6-e5ed-4461-84a2-934144b76085" providerId="AD" clId="Web-{FA93FC1D-E181-0BD5-56F1-A05FD3846F7E}" dt="2024-01-17T22:45:06.635" v="660" actId="20577"/>
      <pc:docMkLst>
        <pc:docMk/>
      </pc:docMkLst>
      <pc:sldChg chg="addSp modSp">
        <pc:chgData name="Bertram Fink-Jakobsen" userId="S::s235474@dtu.dk::cba138e6-e5ed-4461-84a2-934144b76085" providerId="AD" clId="Web-{FA93FC1D-E181-0BD5-56F1-A05FD3846F7E}" dt="2024-01-17T22:29:59.984" v="245"/>
        <pc:sldMkLst>
          <pc:docMk/>
          <pc:sldMk cId="686503172" sldId="257"/>
        </pc:sldMkLst>
        <pc:spChg chg="mod">
          <ac:chgData name="Bertram Fink-Jakobsen" userId="S::s235474@dtu.dk::cba138e6-e5ed-4461-84a2-934144b76085" providerId="AD" clId="Web-{FA93FC1D-E181-0BD5-56F1-A05FD3846F7E}" dt="2024-01-17T22:29:50" v="243"/>
          <ac:spMkLst>
            <pc:docMk/>
            <pc:sldMk cId="686503172" sldId="257"/>
            <ac:spMk id="2" creationId="{DB23D52E-DC02-FD6A-4573-2CE3F32A104A}"/>
          </ac:spMkLst>
        </pc:spChg>
        <pc:spChg chg="add mod">
          <ac:chgData name="Bertram Fink-Jakobsen" userId="S::s235474@dtu.dk::cba138e6-e5ed-4461-84a2-934144b76085" providerId="AD" clId="Web-{FA93FC1D-E181-0BD5-56F1-A05FD3846F7E}" dt="2024-01-17T22:29:56.062" v="244"/>
          <ac:spMkLst>
            <pc:docMk/>
            <pc:sldMk cId="686503172" sldId="257"/>
            <ac:spMk id="3" creationId="{5D1CA412-DC0C-041D-B96D-EEF0948B9990}"/>
          </ac:spMkLst>
        </pc:spChg>
        <pc:spChg chg="add mod">
          <ac:chgData name="Bertram Fink-Jakobsen" userId="S::s235474@dtu.dk::cba138e6-e5ed-4461-84a2-934144b76085" providerId="AD" clId="Web-{FA93FC1D-E181-0BD5-56F1-A05FD3846F7E}" dt="2024-01-17T22:29:59.984" v="245"/>
          <ac:spMkLst>
            <pc:docMk/>
            <pc:sldMk cId="686503172" sldId="257"/>
            <ac:spMk id="4" creationId="{C3DF3D6A-70FD-9114-0F2C-80AB5522740D}"/>
          </ac:spMkLst>
        </pc:spChg>
      </pc:sldChg>
      <pc:sldChg chg="addSp modSp new">
        <pc:chgData name="Bertram Fink-Jakobsen" userId="S::s235474@dtu.dk::cba138e6-e5ed-4461-84a2-934144b76085" providerId="AD" clId="Web-{FA93FC1D-E181-0BD5-56F1-A05FD3846F7E}" dt="2024-01-17T22:35:12.087" v="253" actId="20577"/>
        <pc:sldMkLst>
          <pc:docMk/>
          <pc:sldMk cId="1192249544" sldId="258"/>
        </pc:sldMkLst>
        <pc:spChg chg="add mod">
          <ac:chgData name="Bertram Fink-Jakobsen" userId="S::s235474@dtu.dk::cba138e6-e5ed-4461-84a2-934144b76085" providerId="AD" clId="Web-{FA93FC1D-E181-0BD5-56F1-A05FD3846F7E}" dt="2024-01-17T22:29:45.765" v="242" actId="20577"/>
          <ac:spMkLst>
            <pc:docMk/>
            <pc:sldMk cId="1192249544" sldId="258"/>
            <ac:spMk id="3" creationId="{8C0269A2-A1D3-B2E3-6EAB-AF93FD140688}"/>
          </ac:spMkLst>
        </pc:spChg>
        <pc:spChg chg="add mod">
          <ac:chgData name="Bertram Fink-Jakobsen" userId="S::s235474@dtu.dk::cba138e6-e5ed-4461-84a2-934144b76085" providerId="AD" clId="Web-{FA93FC1D-E181-0BD5-56F1-A05FD3846F7E}" dt="2024-01-17T22:32:01.175" v="250" actId="1076"/>
          <ac:spMkLst>
            <pc:docMk/>
            <pc:sldMk cId="1192249544" sldId="258"/>
            <ac:spMk id="4" creationId="{B4AF0C2B-4897-E5F4-31CC-8D0A1B331DFA}"/>
          </ac:spMkLst>
        </pc:spChg>
        <pc:spChg chg="add mod">
          <ac:chgData name="Bertram Fink-Jakobsen" userId="S::s235474@dtu.dk::cba138e6-e5ed-4461-84a2-934144b76085" providerId="AD" clId="Web-{FA93FC1D-E181-0BD5-56F1-A05FD3846F7E}" dt="2024-01-17T22:35:12.087" v="253" actId="20577"/>
          <ac:spMkLst>
            <pc:docMk/>
            <pc:sldMk cId="1192249544" sldId="258"/>
            <ac:spMk id="5" creationId="{4A3E632F-3BE3-868D-0C51-38629E04CF99}"/>
          </ac:spMkLst>
        </pc:spChg>
      </pc:sldChg>
      <pc:sldChg chg="addSp modSp new">
        <pc:chgData name="Bertram Fink-Jakobsen" userId="S::s235474@dtu.dk::cba138e6-e5ed-4461-84a2-934144b76085" providerId="AD" clId="Web-{FA93FC1D-E181-0BD5-56F1-A05FD3846F7E}" dt="2024-01-17T22:40:12.861" v="507" actId="20577"/>
        <pc:sldMkLst>
          <pc:docMk/>
          <pc:sldMk cId="2397620422" sldId="259"/>
        </pc:sldMkLst>
        <pc:spChg chg="add mod">
          <ac:chgData name="Bertram Fink-Jakobsen" userId="S::s235474@dtu.dk::cba138e6-e5ed-4461-84a2-934144b76085" providerId="AD" clId="Web-{FA93FC1D-E181-0BD5-56F1-A05FD3846F7E}" dt="2024-01-17T22:35:44.728" v="268" actId="20577"/>
          <ac:spMkLst>
            <pc:docMk/>
            <pc:sldMk cId="2397620422" sldId="259"/>
            <ac:spMk id="3" creationId="{5D1AF2B8-EC72-553A-E96E-A46C4F429066}"/>
          </ac:spMkLst>
        </pc:spChg>
        <pc:spChg chg="add mod">
          <ac:chgData name="Bertram Fink-Jakobsen" userId="S::s235474@dtu.dk::cba138e6-e5ed-4461-84a2-934144b76085" providerId="AD" clId="Web-{FA93FC1D-E181-0BD5-56F1-A05FD3846F7E}" dt="2024-01-17T22:40:12.861" v="507" actId="20577"/>
          <ac:spMkLst>
            <pc:docMk/>
            <pc:sldMk cId="2397620422" sldId="259"/>
            <ac:spMk id="5" creationId="{5393F1D0-A6FB-CB5F-B84D-712C299BB80F}"/>
          </ac:spMkLst>
        </pc:spChg>
      </pc:sldChg>
      <pc:sldChg chg="addSp modSp new">
        <pc:chgData name="Bertram Fink-Jakobsen" userId="S::s235474@dtu.dk::cba138e6-e5ed-4461-84a2-934144b76085" providerId="AD" clId="Web-{FA93FC1D-E181-0BD5-56F1-A05FD3846F7E}" dt="2024-01-17T22:43:34.929" v="652" actId="14100"/>
        <pc:sldMkLst>
          <pc:docMk/>
          <pc:sldMk cId="3898717410" sldId="260"/>
        </pc:sldMkLst>
        <pc:spChg chg="add mod">
          <ac:chgData name="Bertram Fink-Jakobsen" userId="S::s235474@dtu.dk::cba138e6-e5ed-4461-84a2-934144b76085" providerId="AD" clId="Web-{FA93FC1D-E181-0BD5-56F1-A05FD3846F7E}" dt="2024-01-17T22:40:39.753" v="517" actId="20577"/>
          <ac:spMkLst>
            <pc:docMk/>
            <pc:sldMk cId="3898717410" sldId="260"/>
            <ac:spMk id="3" creationId="{4F0C306A-89E0-5619-E729-9CC734A21209}"/>
          </ac:spMkLst>
        </pc:spChg>
        <pc:spChg chg="add mod">
          <ac:chgData name="Bertram Fink-Jakobsen" userId="S::s235474@dtu.dk::cba138e6-e5ed-4461-84a2-934144b76085" providerId="AD" clId="Web-{FA93FC1D-E181-0BD5-56F1-A05FD3846F7E}" dt="2024-01-17T22:43:34.929" v="652" actId="14100"/>
          <ac:spMkLst>
            <pc:docMk/>
            <pc:sldMk cId="3898717410" sldId="260"/>
            <ac:spMk id="5" creationId="{5B68F45A-0DD8-68B3-C421-BD6852E57519}"/>
          </ac:spMkLst>
        </pc:spChg>
      </pc:sldChg>
      <pc:sldChg chg="addSp delSp modSp new">
        <pc:chgData name="Bertram Fink-Jakobsen" userId="S::s235474@dtu.dk::cba138e6-e5ed-4461-84a2-934144b76085" providerId="AD" clId="Web-{FA93FC1D-E181-0BD5-56F1-A05FD3846F7E}" dt="2024-01-17T22:45:06.635" v="660" actId="20577"/>
        <pc:sldMkLst>
          <pc:docMk/>
          <pc:sldMk cId="3700789138" sldId="261"/>
        </pc:sldMkLst>
        <pc:spChg chg="add del">
          <ac:chgData name="Bertram Fink-Jakobsen" userId="S::s235474@dtu.dk::cba138e6-e5ed-4461-84a2-934144b76085" providerId="AD" clId="Web-{FA93FC1D-E181-0BD5-56F1-A05FD3846F7E}" dt="2024-01-17T22:44:46.619" v="655"/>
          <ac:spMkLst>
            <pc:docMk/>
            <pc:sldMk cId="3700789138" sldId="261"/>
            <ac:spMk id="3" creationId="{42AEFE55-5968-5C8D-2645-F6268AB0925E}"/>
          </ac:spMkLst>
        </pc:spChg>
        <pc:spChg chg="add mod">
          <ac:chgData name="Bertram Fink-Jakobsen" userId="S::s235474@dtu.dk::cba138e6-e5ed-4461-84a2-934144b76085" providerId="AD" clId="Web-{FA93FC1D-E181-0BD5-56F1-A05FD3846F7E}" dt="2024-01-17T22:45:06.635" v="660" actId="20577"/>
          <ac:spMkLst>
            <pc:docMk/>
            <pc:sldMk cId="3700789138" sldId="261"/>
            <ac:spMk id="5" creationId="{227AD310-7365-3AA9-1A23-0BA3B4B47FFA}"/>
          </ac:spMkLst>
        </pc:spChg>
      </pc:sldChg>
    </pc:docChg>
  </pc:docChgLst>
  <pc:docChgLst>
    <pc:chgData name="Bertram Fink-Jakobsen" userId="S::s235474@dtu.dk::cba138e6-e5ed-4461-84a2-934144b76085" providerId="AD" clId="Web-{3E78AF8E-F895-4A29-8635-1F3A9BEAEA4B}"/>
    <pc:docChg chg="mod addSld modSld addMainMaster delMainMaster modMainMaster setSldSz">
      <pc:chgData name="Bertram Fink-Jakobsen" userId="S::s235474@dtu.dk::cba138e6-e5ed-4461-84a2-934144b76085" providerId="AD" clId="Web-{3E78AF8E-F895-4A29-8635-1F3A9BEAEA4B}" dt="2024-01-17T21:15:35.425" v="96" actId="20577"/>
      <pc:docMkLst>
        <pc:docMk/>
      </pc:docMkLst>
      <pc:sldChg chg="addSp delSp modSp mod modClrScheme chgLayout">
        <pc:chgData name="Bertram Fink-Jakobsen" userId="S::s235474@dtu.dk::cba138e6-e5ed-4461-84a2-934144b76085" providerId="AD" clId="Web-{3E78AF8E-F895-4A29-8635-1F3A9BEAEA4B}" dt="2024-01-17T21:15:04.815" v="83" actId="1076"/>
        <pc:sldMkLst>
          <pc:docMk/>
          <pc:sldMk cId="3424942676" sldId="256"/>
        </pc:sldMkLst>
        <pc:spChg chg="del">
          <ac:chgData name="Bertram Fink-Jakobsen" userId="S::s235474@dtu.dk::cba138e6-e5ed-4461-84a2-934144b76085" providerId="AD" clId="Web-{3E78AF8E-F895-4A29-8635-1F3A9BEAEA4B}" dt="2024-01-17T20:54:40.065" v="0"/>
          <ac:spMkLst>
            <pc:docMk/>
            <pc:sldMk cId="3424942676" sldId="256"/>
            <ac:spMk id="2" creationId="{00000000-0000-0000-0000-000000000000}"/>
          </ac:spMkLst>
        </pc:spChg>
        <pc:spChg chg="del">
          <ac:chgData name="Bertram Fink-Jakobsen" userId="S::s235474@dtu.dk::cba138e6-e5ed-4461-84a2-934144b76085" providerId="AD" clId="Web-{3E78AF8E-F895-4A29-8635-1F3A9BEAEA4B}" dt="2024-01-17T20:54:40.065" v="0"/>
          <ac:spMkLst>
            <pc:docMk/>
            <pc:sldMk cId="3424942676" sldId="256"/>
            <ac:spMk id="3" creationId="{00000000-0000-0000-0000-000000000000}"/>
          </ac:spMkLst>
        </pc:spChg>
        <pc:spChg chg="add mod">
          <ac:chgData name="Bertram Fink-Jakobsen" userId="S::s235474@dtu.dk::cba138e6-e5ed-4461-84a2-934144b76085" providerId="AD" clId="Web-{3E78AF8E-F895-4A29-8635-1F3A9BEAEA4B}" dt="2024-01-17T21:13:12.314" v="76" actId="1076"/>
          <ac:spMkLst>
            <pc:docMk/>
            <pc:sldMk cId="3424942676" sldId="256"/>
            <ac:spMk id="5" creationId="{9ACB5C50-8713-4631-0992-91E9E9E7C71D}"/>
          </ac:spMkLst>
        </pc:spChg>
        <pc:spChg chg="add mod">
          <ac:chgData name="Bertram Fink-Jakobsen" userId="S::s235474@dtu.dk::cba138e6-e5ed-4461-84a2-934144b76085" providerId="AD" clId="Web-{3E78AF8E-F895-4A29-8635-1F3A9BEAEA4B}" dt="2024-01-17T21:13:22.158" v="78" actId="1076"/>
          <ac:spMkLst>
            <pc:docMk/>
            <pc:sldMk cId="3424942676" sldId="256"/>
            <ac:spMk id="6" creationId="{55D701C3-1A7F-A3C1-50FC-D1B97BFA6BA0}"/>
          </ac:spMkLst>
        </pc:spChg>
        <pc:picChg chg="add mod">
          <ac:chgData name="Bertram Fink-Jakobsen" userId="S::s235474@dtu.dk::cba138e6-e5ed-4461-84a2-934144b76085" providerId="AD" clId="Web-{3E78AF8E-F895-4A29-8635-1F3A9BEAEA4B}" dt="2024-01-17T21:13:15.017" v="77" actId="1076"/>
          <ac:picMkLst>
            <pc:docMk/>
            <pc:sldMk cId="3424942676" sldId="256"/>
            <ac:picMk id="4" creationId="{AF564B00-3B20-8E91-7FBE-0658DAF1DCCC}"/>
          </ac:picMkLst>
        </pc:picChg>
        <pc:picChg chg="add mod">
          <ac:chgData name="Bertram Fink-Jakobsen" userId="S::s235474@dtu.dk::cba138e6-e5ed-4461-84a2-934144b76085" providerId="AD" clId="Web-{3E78AF8E-F895-4A29-8635-1F3A9BEAEA4B}" dt="2024-01-17T21:15:04.815" v="83" actId="1076"/>
          <ac:picMkLst>
            <pc:docMk/>
            <pc:sldMk cId="3424942676" sldId="256"/>
            <ac:picMk id="7" creationId="{779B0344-4341-E737-4EC1-C55545F2BF53}"/>
          </ac:picMkLst>
        </pc:picChg>
      </pc:sldChg>
      <pc:sldChg chg="addSp modSp new mod modClrScheme chgLayout">
        <pc:chgData name="Bertram Fink-Jakobsen" userId="S::s235474@dtu.dk::cba138e6-e5ed-4461-84a2-934144b76085" providerId="AD" clId="Web-{3E78AF8E-F895-4A29-8635-1F3A9BEAEA4B}" dt="2024-01-17T21:15:35.425" v="96" actId="20577"/>
        <pc:sldMkLst>
          <pc:docMk/>
          <pc:sldMk cId="686503172" sldId="257"/>
        </pc:sldMkLst>
        <pc:spChg chg="add mod">
          <ac:chgData name="Bertram Fink-Jakobsen" userId="S::s235474@dtu.dk::cba138e6-e5ed-4461-84a2-934144b76085" providerId="AD" clId="Web-{3E78AF8E-F895-4A29-8635-1F3A9BEAEA4B}" dt="2024-01-17T21:15:35.425" v="96" actId="20577"/>
          <ac:spMkLst>
            <pc:docMk/>
            <pc:sldMk cId="686503172" sldId="257"/>
            <ac:spMk id="2" creationId="{DB23D52E-DC02-FD6A-4573-2CE3F32A104A}"/>
          </ac:spMkLst>
        </pc:spChg>
      </pc:sldChg>
      <pc:sldMasterChg chg="modSp del delSldLayout modSldLayout">
        <pc:chgData name="Bertram Fink-Jakobsen" userId="S::s235474@dtu.dk::cba138e6-e5ed-4461-84a2-934144b76085" providerId="AD" clId="Web-{3E78AF8E-F895-4A29-8635-1F3A9BEAEA4B}" dt="2024-01-17T21:12:13.277" v="68"/>
        <pc:sldMasterMkLst>
          <pc:docMk/>
          <pc:sldMasterMk cId="450563959" sldId="2147483648"/>
        </pc:sldMasterMkLst>
        <pc:spChg chg="mod">
          <ac:chgData name="Bertram Fink-Jakobsen" userId="S::s235474@dtu.dk::cba138e6-e5ed-4461-84a2-934144b76085" providerId="AD" clId="Web-{3E78AF8E-F895-4A29-8635-1F3A9BEAEA4B}" dt="2024-01-17T20:57:27.910" v="22"/>
          <ac:spMkLst>
            <pc:docMk/>
            <pc:sldMasterMk cId="450563959" sldId="2147483648"/>
            <ac:spMk id="2" creationId="{00000000-0000-0000-0000-000000000000}"/>
          </ac:spMkLst>
        </pc:spChg>
        <pc:spChg chg="mod">
          <ac:chgData name="Bertram Fink-Jakobsen" userId="S::s235474@dtu.dk::cba138e6-e5ed-4461-84a2-934144b76085" providerId="AD" clId="Web-{3E78AF8E-F895-4A29-8635-1F3A9BEAEA4B}" dt="2024-01-17T20:57:27.910" v="22"/>
          <ac:spMkLst>
            <pc:docMk/>
            <pc:sldMasterMk cId="450563959" sldId="2147483648"/>
            <ac:spMk id="3" creationId="{00000000-0000-0000-0000-000000000000}"/>
          </ac:spMkLst>
        </pc:spChg>
        <pc:spChg chg="mod">
          <ac:chgData name="Bertram Fink-Jakobsen" userId="S::s235474@dtu.dk::cba138e6-e5ed-4461-84a2-934144b76085" providerId="AD" clId="Web-{3E78AF8E-F895-4A29-8635-1F3A9BEAEA4B}" dt="2024-01-17T20:57:27.910" v="22"/>
          <ac:spMkLst>
            <pc:docMk/>
            <pc:sldMasterMk cId="450563959" sldId="2147483648"/>
            <ac:spMk id="4" creationId="{00000000-0000-0000-0000-000000000000}"/>
          </ac:spMkLst>
        </pc:spChg>
        <pc:spChg chg="mod">
          <ac:chgData name="Bertram Fink-Jakobsen" userId="S::s235474@dtu.dk::cba138e6-e5ed-4461-84a2-934144b76085" providerId="AD" clId="Web-{3E78AF8E-F895-4A29-8635-1F3A9BEAEA4B}" dt="2024-01-17T20:57:27.910" v="22"/>
          <ac:spMkLst>
            <pc:docMk/>
            <pc:sldMasterMk cId="450563959" sldId="2147483648"/>
            <ac:spMk id="5" creationId="{00000000-0000-0000-0000-000000000000}"/>
          </ac:spMkLst>
        </pc:spChg>
        <pc:spChg chg="mod">
          <ac:chgData name="Bertram Fink-Jakobsen" userId="S::s235474@dtu.dk::cba138e6-e5ed-4461-84a2-934144b76085" providerId="AD" clId="Web-{3E78AF8E-F895-4A29-8635-1F3A9BEAEA4B}" dt="2024-01-17T20:57:27.910" v="22"/>
          <ac:spMkLst>
            <pc:docMk/>
            <pc:sldMasterMk cId="450563959" sldId="2147483648"/>
            <ac:spMk id="6" creationId="{00000000-0000-0000-0000-000000000000}"/>
          </ac:spMkLst>
        </pc:spChg>
        <pc:sldLayoutChg chg="modSp del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450563959" sldId="2147483648"/>
            <pc:sldLayoutMk cId="1161660118" sldId="2147483649"/>
          </pc:sldLayoutMkLst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1161660118" sldId="2147483649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1161660118" sldId="2147483649"/>
              <ac:spMk id="3" creationId="{00000000-0000-0000-0000-000000000000}"/>
            </ac:spMkLst>
          </pc:spChg>
        </pc:sldLayoutChg>
        <pc:sldLayoutChg chg="del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450563959" sldId="2147483648"/>
            <pc:sldLayoutMk cId="3657976120" sldId="2147483650"/>
          </pc:sldLayoutMkLst>
        </pc:sldLayoutChg>
        <pc:sldLayoutChg chg="modSp del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450563959" sldId="2147483648"/>
            <pc:sldLayoutMk cId="1013714516" sldId="2147483651"/>
          </pc:sldLayoutMkLst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1013714516" sldId="2147483651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1013714516" sldId="2147483651"/>
              <ac:spMk id="3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450563959" sldId="2147483648"/>
            <pc:sldLayoutMk cId="2771968318" sldId="2147483652"/>
          </pc:sldLayoutMkLst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2771968318" sldId="2147483652"/>
              <ac:spMk id="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2771968318" sldId="2147483652"/>
              <ac:spMk id="4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450563959" sldId="2147483648"/>
            <pc:sldLayoutMk cId="1786149928" sldId="2147483653"/>
          </pc:sldLayoutMkLst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1786149928" sldId="2147483653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1786149928" sldId="2147483653"/>
              <ac:spMk id="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1786149928" sldId="2147483653"/>
              <ac:spMk id="4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1786149928" sldId="2147483653"/>
              <ac:spMk id="5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1786149928" sldId="2147483653"/>
              <ac:spMk id="6" creationId="{00000000-0000-0000-0000-000000000000}"/>
            </ac:spMkLst>
          </pc:spChg>
        </pc:sldLayoutChg>
        <pc:sldLayoutChg chg="del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450563959" sldId="2147483648"/>
            <pc:sldLayoutMk cId="737749525" sldId="2147483654"/>
          </pc:sldLayoutMkLst>
        </pc:sldLayoutChg>
        <pc:sldLayoutChg chg="del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450563959" sldId="2147483648"/>
            <pc:sldLayoutMk cId="525010303" sldId="2147483655"/>
          </pc:sldLayoutMkLst>
        </pc:sldLayoutChg>
        <pc:sldLayoutChg chg="modSp del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450563959" sldId="2147483648"/>
            <pc:sldLayoutMk cId="904532810" sldId="2147483656"/>
          </pc:sldLayoutMkLst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904532810" sldId="2147483656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904532810" sldId="2147483656"/>
              <ac:spMk id="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904532810" sldId="2147483656"/>
              <ac:spMk id="4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450563959" sldId="2147483648"/>
            <pc:sldLayoutMk cId="2934600751" sldId="2147483657"/>
          </pc:sldLayoutMkLst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2934600751" sldId="2147483657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2934600751" sldId="2147483657"/>
              <ac:spMk id="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2934600751" sldId="2147483657"/>
              <ac:spMk id="4" creationId="{00000000-0000-0000-0000-000000000000}"/>
            </ac:spMkLst>
          </pc:spChg>
        </pc:sldLayoutChg>
        <pc:sldLayoutChg chg="del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450563959" sldId="2147483648"/>
            <pc:sldLayoutMk cId="3783993635" sldId="2147483658"/>
          </pc:sldLayoutMkLst>
        </pc:sldLayoutChg>
        <pc:sldLayoutChg chg="modSp del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450563959" sldId="2147483648"/>
            <pc:sldLayoutMk cId="133512830" sldId="2147483659"/>
          </pc:sldLayoutMkLst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133512830" sldId="2147483659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3E78AF8E-F895-4A29-8635-1F3A9BEAEA4B}" dt="2024-01-17T20:57:27.910" v="22"/>
            <ac:spMkLst>
              <pc:docMk/>
              <pc:sldMasterMk cId="450563959" sldId="2147483648"/>
              <pc:sldLayoutMk cId="133512830" sldId="2147483659"/>
              <ac:spMk id="3" creationId="{00000000-0000-0000-0000-000000000000}"/>
            </ac:spMkLst>
          </pc:spChg>
        </pc:sldLayoutChg>
      </pc:sldMasterChg>
      <pc:sldMasterChg chg="add addSldLayout modSldLayout">
        <pc:chgData name="Bertram Fink-Jakobsen" userId="S::s235474@dtu.dk::cba138e6-e5ed-4461-84a2-934144b76085" providerId="AD" clId="Web-{3E78AF8E-F895-4A29-8635-1F3A9BEAEA4B}" dt="2024-01-17T21:12:13.277" v="68"/>
        <pc:sldMasterMkLst>
          <pc:docMk/>
          <pc:sldMasterMk cId="530166758" sldId="2147483660"/>
        </pc:sldMasterMkLst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197100425" sldId="2147483661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3697676222" sldId="2147483662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4240159997" sldId="2147483663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3825154072" sldId="2147483664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3249905164" sldId="2147483665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1969284337" sldId="2147483666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1160290995" sldId="2147483667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4096145547" sldId="2147483668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1353859559" sldId="2147483669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788585518" sldId="2147483670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667175327" sldId="2147483671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1410147862" sldId="2147483672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3446695942" sldId="2147483673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669647948" sldId="2147483674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538096154" sldId="2147483675"/>
          </pc:sldLayoutMkLst>
        </pc:sldLayoutChg>
        <pc:sldLayoutChg chg="add mod replId">
          <pc:chgData name="Bertram Fink-Jakobsen" userId="S::s235474@dtu.dk::cba138e6-e5ed-4461-84a2-934144b76085" providerId="AD" clId="Web-{3E78AF8E-F895-4A29-8635-1F3A9BEAEA4B}" dt="2024-01-17T21:12:13.277" v="68"/>
          <pc:sldLayoutMkLst>
            <pc:docMk/>
            <pc:sldMasterMk cId="530166758" sldId="2147483660"/>
            <pc:sldLayoutMk cId="3977761987" sldId="2147483676"/>
          </pc:sldLayoutMkLst>
        </pc:sldLayoutChg>
      </pc:sldMasterChg>
    </pc:docChg>
  </pc:docChgLst>
  <pc:docChgLst>
    <pc:chgData name="Mads Amtoft Pedersen" userId="S::s235472@dtu.dk::5e8e4541-3396-4b49-91a7-c57a6d25b16c" providerId="AD" clId="Web-{A945E7FA-1C6A-4C8E-949C-F4ACC6FD78F5}"/>
    <pc:docChg chg="addSld delSld modSld">
      <pc:chgData name="Mads Amtoft Pedersen" userId="S::s235472@dtu.dk::5e8e4541-3396-4b49-91a7-c57a6d25b16c" providerId="AD" clId="Web-{A945E7FA-1C6A-4C8E-949C-F4ACC6FD78F5}" dt="2024-01-19T07:54:57.703" v="77" actId="20577"/>
      <pc:docMkLst>
        <pc:docMk/>
      </pc:docMkLst>
      <pc:sldChg chg="addSp delSp modSp">
        <pc:chgData name="Mads Amtoft Pedersen" userId="S::s235472@dtu.dk::5e8e4541-3396-4b49-91a7-c57a6d25b16c" providerId="AD" clId="Web-{A945E7FA-1C6A-4C8E-949C-F4ACC6FD78F5}" dt="2024-01-19T07:54:57.703" v="77" actId="20577"/>
        <pc:sldMkLst>
          <pc:docMk/>
          <pc:sldMk cId="686503172" sldId="257"/>
        </pc:sldMkLst>
        <pc:spChg chg="mod">
          <ac:chgData name="Mads Amtoft Pedersen" userId="S::s235472@dtu.dk::5e8e4541-3396-4b49-91a7-c57a6d25b16c" providerId="AD" clId="Web-{A945E7FA-1C6A-4C8E-949C-F4ACC6FD78F5}" dt="2024-01-19T07:54:57.703" v="77" actId="20577"/>
          <ac:spMkLst>
            <pc:docMk/>
            <pc:sldMk cId="686503172" sldId="257"/>
            <ac:spMk id="2" creationId="{DB23D52E-DC02-FD6A-4573-2CE3F32A104A}"/>
          </ac:spMkLst>
        </pc:spChg>
        <pc:spChg chg="del mod">
          <ac:chgData name="Mads Amtoft Pedersen" userId="S::s235472@dtu.dk::5e8e4541-3396-4b49-91a7-c57a6d25b16c" providerId="AD" clId="Web-{A945E7FA-1C6A-4C8E-949C-F4ACC6FD78F5}" dt="2024-01-19T07:14:32.206" v="51"/>
          <ac:spMkLst>
            <pc:docMk/>
            <pc:sldMk cId="686503172" sldId="257"/>
            <ac:spMk id="3" creationId="{5D1CA412-DC0C-041D-B96D-EEF0948B9990}"/>
          </ac:spMkLst>
        </pc:spChg>
        <pc:spChg chg="del mod">
          <ac:chgData name="Mads Amtoft Pedersen" userId="S::s235472@dtu.dk::5e8e4541-3396-4b49-91a7-c57a6d25b16c" providerId="AD" clId="Web-{A945E7FA-1C6A-4C8E-949C-F4ACC6FD78F5}" dt="2024-01-19T07:14:36.003" v="53"/>
          <ac:spMkLst>
            <pc:docMk/>
            <pc:sldMk cId="686503172" sldId="257"/>
            <ac:spMk id="4" creationId="{C3DF3D6A-70FD-9114-0F2C-80AB5522740D}"/>
          </ac:spMkLst>
        </pc:spChg>
        <pc:picChg chg="add del mod">
          <ac:chgData name="Mads Amtoft Pedersen" userId="S::s235472@dtu.dk::5e8e4541-3396-4b49-91a7-c57a6d25b16c" providerId="AD" clId="Web-{A945E7FA-1C6A-4C8E-949C-F4ACC6FD78F5}" dt="2024-01-19T07:14:29.940" v="50"/>
          <ac:picMkLst>
            <pc:docMk/>
            <pc:sldMk cId="686503172" sldId="257"/>
            <ac:picMk id="5" creationId="{0DB54AEA-708E-1280-079F-FF839E2922F6}"/>
          </ac:picMkLst>
        </pc:picChg>
        <pc:picChg chg="add del mod">
          <ac:chgData name="Mads Amtoft Pedersen" userId="S::s235472@dtu.dk::5e8e4541-3396-4b49-91a7-c57a6d25b16c" providerId="AD" clId="Web-{A945E7FA-1C6A-4C8E-949C-F4ACC6FD78F5}" dt="2024-01-19T07:15:19.020" v="55"/>
          <ac:picMkLst>
            <pc:docMk/>
            <pc:sldMk cId="686503172" sldId="257"/>
            <ac:picMk id="6" creationId="{DEFDA2D0-FC4E-D485-4895-8993FA99C038}"/>
          </ac:picMkLst>
        </pc:picChg>
        <pc:picChg chg="add del mod">
          <ac:chgData name="Mads Amtoft Pedersen" userId="S::s235472@dtu.dk::5e8e4541-3396-4b49-91a7-c57a6d25b16c" providerId="AD" clId="Web-{A945E7FA-1C6A-4C8E-949C-F4ACC6FD78F5}" dt="2024-01-19T07:15:43.177" v="59"/>
          <ac:picMkLst>
            <pc:docMk/>
            <pc:sldMk cId="686503172" sldId="257"/>
            <ac:picMk id="7" creationId="{055A57F0-4393-AFDC-F616-57CD07A14F5E}"/>
          </ac:picMkLst>
        </pc:picChg>
        <pc:picChg chg="add mod">
          <ac:chgData name="Mads Amtoft Pedersen" userId="S::s235472@dtu.dk::5e8e4541-3396-4b49-91a7-c57a6d25b16c" providerId="AD" clId="Web-{A945E7FA-1C6A-4C8E-949C-F4ACC6FD78F5}" dt="2024-01-19T07:16:26.443" v="74" actId="14100"/>
          <ac:picMkLst>
            <pc:docMk/>
            <pc:sldMk cId="686503172" sldId="257"/>
            <ac:picMk id="8" creationId="{184D6591-82B7-2246-AD97-11E127D977D8}"/>
          </ac:picMkLst>
        </pc:picChg>
      </pc:sldChg>
      <pc:sldChg chg="new del">
        <pc:chgData name="Mads Amtoft Pedersen" userId="S::s235472@dtu.dk::5e8e4541-3396-4b49-91a7-c57a6d25b16c" providerId="AD" clId="Web-{A945E7FA-1C6A-4C8E-949C-F4ACC6FD78F5}" dt="2024-01-18T14:07:54.814" v="1"/>
        <pc:sldMkLst>
          <pc:docMk/>
          <pc:sldMk cId="886256805" sldId="262"/>
        </pc:sldMkLst>
      </pc:sldChg>
    </pc:docChg>
  </pc:docChgLst>
  <pc:docChgLst>
    <pc:chgData name="Bertram Fink-Jakobsen" userId="S::s235474@dtu.dk::cba138e6-e5ed-4461-84a2-934144b76085" providerId="AD" clId="Web-{F10260B2-3F8C-FA11-5446-DE6959579CE5}"/>
    <pc:docChg chg="mod modSld sldOrd addMainMaster delMainMaster modMainMaster setSldSz">
      <pc:chgData name="Bertram Fink-Jakobsen" userId="S::s235474@dtu.dk::cba138e6-e5ed-4461-84a2-934144b76085" providerId="AD" clId="Web-{F10260B2-3F8C-FA11-5446-DE6959579CE5}" dt="2024-01-18T14:14:56.558" v="672" actId="1076"/>
      <pc:docMkLst>
        <pc:docMk/>
      </pc:docMkLst>
      <pc:sldChg chg="modSp mod modClrScheme chgLayout">
        <pc:chgData name="Bertram Fink-Jakobsen" userId="S::s235474@dtu.dk::cba138e6-e5ed-4461-84a2-934144b76085" providerId="AD" clId="Web-{F10260B2-3F8C-FA11-5446-DE6959579CE5}" dt="2024-01-18T14:04:12.882" v="103" actId="1076"/>
        <pc:sldMkLst>
          <pc:docMk/>
          <pc:sldMk cId="3424942676" sldId="256"/>
        </pc:sldMkLst>
        <pc:spChg chg="mod">
          <ac:chgData name="Bertram Fink-Jakobsen" userId="S::s235474@dtu.dk::cba138e6-e5ed-4461-84a2-934144b76085" providerId="AD" clId="Web-{F10260B2-3F8C-FA11-5446-DE6959579CE5}" dt="2024-01-18T14:04:10.319" v="102" actId="1076"/>
          <ac:spMkLst>
            <pc:docMk/>
            <pc:sldMk cId="3424942676" sldId="256"/>
            <ac:spMk id="5" creationId="{9ACB5C50-8713-4631-0992-91E9E9E7C71D}"/>
          </ac:spMkLst>
        </pc:spChg>
        <pc:spChg chg="mod">
          <ac:chgData name="Bertram Fink-Jakobsen" userId="S::s235474@dtu.dk::cba138e6-e5ed-4461-84a2-934144b76085" providerId="AD" clId="Web-{F10260B2-3F8C-FA11-5446-DE6959579CE5}" dt="2024-01-18T14:03:46.694" v="95" actId="1076"/>
          <ac:spMkLst>
            <pc:docMk/>
            <pc:sldMk cId="3424942676" sldId="256"/>
            <ac:spMk id="6" creationId="{55D701C3-1A7F-A3C1-50FC-D1B97BFA6BA0}"/>
          </ac:spMkLst>
        </pc:spChg>
        <pc:picChg chg="mod">
          <ac:chgData name="Bertram Fink-Jakobsen" userId="S::s235474@dtu.dk::cba138e6-e5ed-4461-84a2-934144b76085" providerId="AD" clId="Web-{F10260B2-3F8C-FA11-5446-DE6959579CE5}" dt="2024-01-18T14:04:05.257" v="101" actId="1076"/>
          <ac:picMkLst>
            <pc:docMk/>
            <pc:sldMk cId="3424942676" sldId="256"/>
            <ac:picMk id="4" creationId="{AF564B00-3B20-8E91-7FBE-0658DAF1DCCC}"/>
          </ac:picMkLst>
        </pc:picChg>
        <pc:picChg chg="mod">
          <ac:chgData name="Bertram Fink-Jakobsen" userId="S::s235474@dtu.dk::cba138e6-e5ed-4461-84a2-934144b76085" providerId="AD" clId="Web-{F10260B2-3F8C-FA11-5446-DE6959579CE5}" dt="2024-01-18T14:04:12.882" v="103" actId="1076"/>
          <ac:picMkLst>
            <pc:docMk/>
            <pc:sldMk cId="3424942676" sldId="256"/>
            <ac:picMk id="7" creationId="{779B0344-4341-E737-4EC1-C55545F2BF53}"/>
          </ac:picMkLst>
        </pc:picChg>
      </pc:sldChg>
      <pc:sldChg chg="modSp mod ord modClrScheme chgLayout">
        <pc:chgData name="Bertram Fink-Jakobsen" userId="S::s235474@dtu.dk::cba138e6-e5ed-4461-84a2-934144b76085" providerId="AD" clId="Web-{F10260B2-3F8C-FA11-5446-DE6959579CE5}" dt="2024-01-18T14:07:58.436" v="136"/>
        <pc:sldMkLst>
          <pc:docMk/>
          <pc:sldMk cId="686503172" sldId="257"/>
        </pc:sldMkLst>
        <pc:spChg chg="mod">
          <ac:chgData name="Bertram Fink-Jakobsen" userId="S::s235474@dtu.dk::cba138e6-e5ed-4461-84a2-934144b76085" providerId="AD" clId="Web-{F10260B2-3F8C-FA11-5446-DE6959579CE5}" dt="2024-01-18T14:04:31.851" v="115" actId="14100"/>
          <ac:spMkLst>
            <pc:docMk/>
            <pc:sldMk cId="686503172" sldId="257"/>
            <ac:spMk id="2" creationId="{DB23D52E-DC02-FD6A-4573-2CE3F32A104A}"/>
          </ac:spMkLst>
        </pc:spChg>
        <pc:spChg chg="mod">
          <ac:chgData name="Bertram Fink-Jakobsen" userId="S::s235474@dtu.dk::cba138e6-e5ed-4461-84a2-934144b76085" providerId="AD" clId="Web-{F10260B2-3F8C-FA11-5446-DE6959579CE5}" dt="2024-01-18T14:04:34.195" v="116" actId="1076"/>
          <ac:spMkLst>
            <pc:docMk/>
            <pc:sldMk cId="686503172" sldId="257"/>
            <ac:spMk id="3" creationId="{5D1CA412-DC0C-041D-B96D-EEF0948B9990}"/>
          </ac:spMkLst>
        </pc:spChg>
        <pc:spChg chg="mod">
          <ac:chgData name="Bertram Fink-Jakobsen" userId="S::s235474@dtu.dk::cba138e6-e5ed-4461-84a2-934144b76085" providerId="AD" clId="Web-{F10260B2-3F8C-FA11-5446-DE6959579CE5}" dt="2024-01-18T14:04:36.336" v="117" actId="1076"/>
          <ac:spMkLst>
            <pc:docMk/>
            <pc:sldMk cId="686503172" sldId="257"/>
            <ac:spMk id="4" creationId="{C3DF3D6A-70FD-9114-0F2C-80AB5522740D}"/>
          </ac:spMkLst>
        </pc:spChg>
      </pc:sldChg>
      <pc:sldChg chg="modSp mod ord modClrScheme chgLayout">
        <pc:chgData name="Bertram Fink-Jakobsen" userId="S::s235474@dtu.dk::cba138e6-e5ed-4461-84a2-934144b76085" providerId="AD" clId="Web-{F10260B2-3F8C-FA11-5446-DE6959579CE5}" dt="2024-01-18T14:11:20.879" v="407" actId="1076"/>
        <pc:sldMkLst>
          <pc:docMk/>
          <pc:sldMk cId="1192249544" sldId="258"/>
        </pc:sldMkLst>
        <pc:spChg chg="mod">
          <ac:chgData name="Bertram Fink-Jakobsen" userId="S::s235474@dtu.dk::cba138e6-e5ed-4461-84a2-934144b76085" providerId="AD" clId="Web-{F10260B2-3F8C-FA11-5446-DE6959579CE5}" dt="2024-01-18T14:04:54.789" v="130" actId="14100"/>
          <ac:spMkLst>
            <pc:docMk/>
            <pc:sldMk cId="1192249544" sldId="258"/>
            <ac:spMk id="3" creationId="{8C0269A2-A1D3-B2E3-6EAB-AF93FD140688}"/>
          </ac:spMkLst>
        </pc:spChg>
        <pc:spChg chg="mod">
          <ac:chgData name="Bertram Fink-Jakobsen" userId="S::s235474@dtu.dk::cba138e6-e5ed-4461-84a2-934144b76085" providerId="AD" clId="Web-{F10260B2-3F8C-FA11-5446-DE6959579CE5}" dt="2024-01-18T14:09:57.127" v="279" actId="20577"/>
          <ac:spMkLst>
            <pc:docMk/>
            <pc:sldMk cId="1192249544" sldId="258"/>
            <ac:spMk id="4" creationId="{B4AF0C2B-4897-E5F4-31CC-8D0A1B331DFA}"/>
          </ac:spMkLst>
        </pc:spChg>
        <pc:spChg chg="mod">
          <ac:chgData name="Bertram Fink-Jakobsen" userId="S::s235474@dtu.dk::cba138e6-e5ed-4461-84a2-934144b76085" providerId="AD" clId="Web-{F10260B2-3F8C-FA11-5446-DE6959579CE5}" dt="2024-01-18T14:11:20.879" v="407" actId="1076"/>
          <ac:spMkLst>
            <pc:docMk/>
            <pc:sldMk cId="1192249544" sldId="258"/>
            <ac:spMk id="5" creationId="{4A3E632F-3BE3-868D-0C51-38629E04CF99}"/>
          </ac:spMkLst>
        </pc:spChg>
      </pc:sldChg>
      <pc:sldChg chg="modSp mod modClrScheme chgLayout">
        <pc:chgData name="Bertram Fink-Jakobsen" userId="S::s235474@dtu.dk::cba138e6-e5ed-4461-84a2-934144b76085" providerId="AD" clId="Web-{F10260B2-3F8C-FA11-5446-DE6959579CE5}" dt="2024-01-18T14:14:37.401" v="661" actId="20577"/>
        <pc:sldMkLst>
          <pc:docMk/>
          <pc:sldMk cId="2397620422" sldId="259"/>
        </pc:sldMkLst>
        <pc:spChg chg="mod">
          <ac:chgData name="Bertram Fink-Jakobsen" userId="S::s235474@dtu.dk::cba138e6-e5ed-4461-84a2-934144b76085" providerId="AD" clId="Web-{F10260B2-3F8C-FA11-5446-DE6959579CE5}" dt="2024-01-18T14:11:30.755" v="416" actId="1076"/>
          <ac:spMkLst>
            <pc:docMk/>
            <pc:sldMk cId="2397620422" sldId="259"/>
            <ac:spMk id="3" creationId="{5D1AF2B8-EC72-553A-E96E-A46C4F429066}"/>
          </ac:spMkLst>
        </pc:spChg>
        <pc:spChg chg="mod">
          <ac:chgData name="Bertram Fink-Jakobsen" userId="S::s235474@dtu.dk::cba138e6-e5ed-4461-84a2-934144b76085" providerId="AD" clId="Web-{F10260B2-3F8C-FA11-5446-DE6959579CE5}" dt="2024-01-18T14:14:37.401" v="661" actId="20577"/>
          <ac:spMkLst>
            <pc:docMk/>
            <pc:sldMk cId="2397620422" sldId="259"/>
            <ac:spMk id="5" creationId="{5393F1D0-A6FB-CB5F-B84D-712C299BB80F}"/>
          </ac:spMkLst>
        </pc:spChg>
      </pc:sldChg>
      <pc:sldChg chg="modSp mod modClrScheme chgLayout">
        <pc:chgData name="Bertram Fink-Jakobsen" userId="S::s235474@dtu.dk::cba138e6-e5ed-4461-84a2-934144b76085" providerId="AD" clId="Web-{F10260B2-3F8C-FA11-5446-DE6959579CE5}" dt="2024-01-18T14:14:56.558" v="672" actId="1076"/>
        <pc:sldMkLst>
          <pc:docMk/>
          <pc:sldMk cId="3898717410" sldId="260"/>
        </pc:sldMkLst>
        <pc:spChg chg="mod">
          <ac:chgData name="Bertram Fink-Jakobsen" userId="S::s235474@dtu.dk::cba138e6-e5ed-4461-84a2-934144b76085" providerId="AD" clId="Web-{F10260B2-3F8C-FA11-5446-DE6959579CE5}" dt="2024-01-18T14:14:52.792" v="671" actId="1076"/>
          <ac:spMkLst>
            <pc:docMk/>
            <pc:sldMk cId="3898717410" sldId="260"/>
            <ac:spMk id="3" creationId="{4F0C306A-89E0-5619-E729-9CC734A21209}"/>
          </ac:spMkLst>
        </pc:spChg>
        <pc:spChg chg="mod">
          <ac:chgData name="Bertram Fink-Jakobsen" userId="S::s235474@dtu.dk::cba138e6-e5ed-4461-84a2-934144b76085" providerId="AD" clId="Web-{F10260B2-3F8C-FA11-5446-DE6959579CE5}" dt="2024-01-18T14:14:56.558" v="672" actId="1076"/>
          <ac:spMkLst>
            <pc:docMk/>
            <pc:sldMk cId="3898717410" sldId="260"/>
            <ac:spMk id="5" creationId="{5B68F45A-0DD8-68B3-C421-BD6852E57519}"/>
          </ac:spMkLst>
        </pc:spChg>
      </pc:sldChg>
      <pc:sldChg chg="modSp mod modClrScheme chgLayout">
        <pc:chgData name="Bertram Fink-Jakobsen" userId="S::s235474@dtu.dk::cba138e6-e5ed-4461-84a2-934144b76085" providerId="AD" clId="Web-{F10260B2-3F8C-FA11-5446-DE6959579CE5}" dt="2024-01-18T13:37:59.545" v="84"/>
        <pc:sldMkLst>
          <pc:docMk/>
          <pc:sldMk cId="3700789138" sldId="261"/>
        </pc:sldMkLst>
        <pc:spChg chg="mod">
          <ac:chgData name="Bertram Fink-Jakobsen" userId="S::s235474@dtu.dk::cba138e6-e5ed-4461-84a2-934144b76085" providerId="AD" clId="Web-{F10260B2-3F8C-FA11-5446-DE6959579CE5}" dt="2024-01-18T13:34:13.506" v="0"/>
          <ac:spMkLst>
            <pc:docMk/>
            <pc:sldMk cId="3700789138" sldId="261"/>
            <ac:spMk id="5" creationId="{227AD310-7365-3AA9-1A23-0BA3B4B47FFA}"/>
          </ac:spMkLst>
        </pc:spChg>
      </pc:sldChg>
      <pc:sldMasterChg chg="modSp del delSldLayout modSldLayout">
        <pc:chgData name="Bertram Fink-Jakobsen" userId="S::s235474@dtu.dk::cba138e6-e5ed-4461-84a2-934144b76085" providerId="AD" clId="Web-{F10260B2-3F8C-FA11-5446-DE6959579CE5}" dt="2024-01-18T13:34:13.849" v="1"/>
        <pc:sldMasterMkLst>
          <pc:docMk/>
          <pc:sldMasterMk cId="530166758" sldId="2147483660"/>
        </pc:sldMasterMkLst>
        <pc:spChg chg="mod">
          <ac:chgData name="Bertram Fink-Jakobsen" userId="S::s235474@dtu.dk::cba138e6-e5ed-4461-84a2-934144b76085" providerId="AD" clId="Web-{F10260B2-3F8C-FA11-5446-DE6959579CE5}" dt="2024-01-18T13:34:13.506" v="0"/>
          <ac:spMkLst>
            <pc:docMk/>
            <pc:sldMasterMk cId="530166758" sldId="2147483660"/>
            <ac:spMk id="2" creationId="{00000000-0000-0000-0000-000000000000}"/>
          </ac:spMkLst>
        </pc:spChg>
        <pc:spChg chg="mod">
          <ac:chgData name="Bertram Fink-Jakobsen" userId="S::s235474@dtu.dk::cba138e6-e5ed-4461-84a2-934144b76085" providerId="AD" clId="Web-{F10260B2-3F8C-FA11-5446-DE6959579CE5}" dt="2024-01-18T13:34:13.506" v="0"/>
          <ac:spMkLst>
            <pc:docMk/>
            <pc:sldMasterMk cId="530166758" sldId="2147483660"/>
            <ac:spMk id="3" creationId="{00000000-0000-0000-0000-000000000000}"/>
          </ac:spMkLst>
        </pc:spChg>
        <pc:spChg chg="mod">
          <ac:chgData name="Bertram Fink-Jakobsen" userId="S::s235474@dtu.dk::cba138e6-e5ed-4461-84a2-934144b76085" providerId="AD" clId="Web-{F10260B2-3F8C-FA11-5446-DE6959579CE5}" dt="2024-01-18T13:34:13.506" v="0"/>
          <ac:spMkLst>
            <pc:docMk/>
            <pc:sldMasterMk cId="530166758" sldId="2147483660"/>
            <ac:spMk id="4" creationId="{00000000-0000-0000-0000-000000000000}"/>
          </ac:spMkLst>
        </pc:spChg>
        <pc:spChg chg="mod">
          <ac:chgData name="Bertram Fink-Jakobsen" userId="S::s235474@dtu.dk::cba138e6-e5ed-4461-84a2-934144b76085" providerId="AD" clId="Web-{F10260B2-3F8C-FA11-5446-DE6959579CE5}" dt="2024-01-18T13:34:13.506" v="0"/>
          <ac:spMkLst>
            <pc:docMk/>
            <pc:sldMasterMk cId="530166758" sldId="2147483660"/>
            <ac:spMk id="5" creationId="{00000000-0000-0000-0000-000000000000}"/>
          </ac:spMkLst>
        </pc:spChg>
        <pc:spChg chg="mod">
          <ac:chgData name="Bertram Fink-Jakobsen" userId="S::s235474@dtu.dk::cba138e6-e5ed-4461-84a2-934144b76085" providerId="AD" clId="Web-{F10260B2-3F8C-FA11-5446-DE6959579CE5}" dt="2024-01-18T13:34:13.506" v="0"/>
          <ac:spMkLst>
            <pc:docMk/>
            <pc:sldMasterMk cId="530166758" sldId="2147483660"/>
            <ac:spMk id="6" creationId="{00000000-0000-0000-0000-000000000000}"/>
          </ac:spMkLst>
        </pc:spChg>
        <pc:grpChg chg="mod">
          <ac:chgData name="Bertram Fink-Jakobsen" userId="S::s235474@dtu.dk::cba138e6-e5ed-4461-84a2-934144b76085" providerId="AD" clId="Web-{F10260B2-3F8C-FA11-5446-DE6959579CE5}" dt="2024-01-18T13:34:13.506" v="0"/>
          <ac:grpSpMkLst>
            <pc:docMk/>
            <pc:sldMasterMk cId="530166758" sldId="2147483660"/>
            <ac:grpSpMk id="17" creationId="{00000000-0000-0000-0000-000000000000}"/>
          </ac:grpSpMkLst>
        </pc:grp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197100425" sldId="2147483661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197100425" sldId="2147483661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197100425" sldId="2147483661"/>
              <ac:spMk id="3" creationId="{00000000-0000-0000-0000-000000000000}"/>
            </ac:spMkLst>
          </pc:spChg>
          <pc:grpChg chg="mod">
            <ac:chgData name="Bertram Fink-Jakobsen" userId="S::s235474@dtu.dk::cba138e6-e5ed-4461-84a2-934144b76085" providerId="AD" clId="Web-{F10260B2-3F8C-FA11-5446-DE6959579CE5}" dt="2024-01-18T13:34:13.506" v="0"/>
            <ac:grpSpMkLst>
              <pc:docMk/>
              <pc:sldMasterMk cId="530166758" sldId="2147483660"/>
              <pc:sldLayoutMk cId="197100425" sldId="2147483661"/>
              <ac:grpSpMk id="7" creationId="{00000000-0000-0000-0000-000000000000}"/>
            </ac:grpSpMkLst>
          </pc:grpChg>
        </pc:sldLayoutChg>
        <pc:sldLayoutChg chg="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3697676222" sldId="2147483662"/>
          </pc:sldLayoutMkLst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4240159997" sldId="2147483663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4240159997" sldId="2147483663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4240159997" sldId="2147483663"/>
              <ac:spMk id="3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3825154072" sldId="2147483664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825154072" sldId="2147483664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825154072" sldId="2147483664"/>
              <ac:spMk id="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825154072" sldId="2147483664"/>
              <ac:spMk id="4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3249905164" sldId="2147483665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249905164" sldId="2147483665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249905164" sldId="2147483665"/>
              <ac:spMk id="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249905164" sldId="2147483665"/>
              <ac:spMk id="4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249905164" sldId="2147483665"/>
              <ac:spMk id="5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249905164" sldId="2147483665"/>
              <ac:spMk id="6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1969284337" sldId="2147483666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1969284337" sldId="2147483666"/>
              <ac:spMk id="2" creationId="{00000000-0000-0000-0000-000000000000}"/>
            </ac:spMkLst>
          </pc:spChg>
        </pc:sldLayoutChg>
        <pc:sldLayoutChg chg="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1160290995" sldId="2147483667"/>
          </pc:sldLayoutMkLst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4096145547" sldId="2147483668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4096145547" sldId="2147483668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4096145547" sldId="2147483668"/>
              <ac:spMk id="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4096145547" sldId="2147483668"/>
              <ac:spMk id="4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1353859559" sldId="2147483669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1353859559" sldId="2147483669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1353859559" sldId="2147483669"/>
              <ac:spMk id="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1353859559" sldId="2147483669"/>
              <ac:spMk id="4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788585518" sldId="2147483670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788585518" sldId="2147483670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788585518" sldId="2147483670"/>
              <ac:spMk id="3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667175327" sldId="2147483671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667175327" sldId="2147483671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667175327" sldId="2147483671"/>
              <ac:spMk id="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667175327" sldId="2147483671"/>
              <ac:spMk id="2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667175327" sldId="2147483671"/>
              <ac:spMk id="24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667175327" sldId="2147483671"/>
              <ac:spMk id="25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1410147862" sldId="2147483672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1410147862" sldId="2147483672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1410147862" sldId="2147483672"/>
              <ac:spMk id="3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3446695942" sldId="2147483673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446695942" sldId="2147483673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446695942" sldId="2147483673"/>
              <ac:spMk id="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446695942" sldId="2147483673"/>
              <ac:spMk id="2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446695942" sldId="2147483673"/>
              <ac:spMk id="24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446695942" sldId="2147483673"/>
              <ac:spMk id="25" creationId="{00000000-0000-0000-0000-000000000000}"/>
            </ac:spMkLst>
          </pc:spChg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669647948" sldId="2147483674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669647948" sldId="2147483674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669647948" sldId="2147483674"/>
              <ac:spMk id="3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669647948" sldId="2147483674"/>
              <ac:spMk id="23" creationId="{00000000-0000-0000-0000-000000000000}"/>
            </ac:spMkLst>
          </pc:spChg>
        </pc:sldLayoutChg>
        <pc:sldLayoutChg chg="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538096154" sldId="2147483675"/>
          </pc:sldLayoutMkLst>
        </pc:sldLayoutChg>
        <pc:sldLayoutChg chg="modSp del">
          <pc:chgData name="Bertram Fink-Jakobsen" userId="S::s235474@dtu.dk::cba138e6-e5ed-4461-84a2-934144b76085" providerId="AD" clId="Web-{F10260B2-3F8C-FA11-5446-DE6959579CE5}" dt="2024-01-18T13:34:13.849" v="1"/>
          <pc:sldLayoutMkLst>
            <pc:docMk/>
            <pc:sldMasterMk cId="530166758" sldId="2147483660"/>
            <pc:sldLayoutMk cId="3977761987" sldId="2147483676"/>
          </pc:sldLayoutMkLst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977761987" sldId="2147483676"/>
              <ac:spMk id="2" creationId="{00000000-0000-0000-0000-000000000000}"/>
            </ac:spMkLst>
          </pc:spChg>
          <pc:spChg chg="mod">
            <ac:chgData name="Bertram Fink-Jakobsen" userId="S::s235474@dtu.dk::cba138e6-e5ed-4461-84a2-934144b76085" providerId="AD" clId="Web-{F10260B2-3F8C-FA11-5446-DE6959579CE5}" dt="2024-01-18T13:34:13.506" v="0"/>
            <ac:spMkLst>
              <pc:docMk/>
              <pc:sldMasterMk cId="530166758" sldId="2147483660"/>
              <pc:sldLayoutMk cId="3977761987" sldId="2147483676"/>
              <ac:spMk id="3" creationId="{00000000-0000-0000-0000-000000000000}"/>
            </ac:spMkLst>
          </pc:spChg>
        </pc:sldLayoutChg>
      </pc:sldMasterChg>
      <pc:sldMasterChg chg="add del addSldLayout delSldLayout modSldLayout">
        <pc:chgData name="Bertram Fink-Jakobsen" userId="S::s235474@dtu.dk::cba138e6-e5ed-4461-84a2-934144b76085" providerId="AD" clId="Web-{F10260B2-3F8C-FA11-5446-DE6959579CE5}" dt="2024-01-18T13:37:59.545" v="84"/>
        <pc:sldMasterMkLst>
          <pc:docMk/>
          <pc:sldMasterMk cId="320334206" sldId="2147483677"/>
        </pc:sldMasterMkLst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1721348229" sldId="2147483678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3998054708" sldId="2147483679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3748279247" sldId="2147483680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1273661520" sldId="2147483681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3223104106" sldId="2147483682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3824459762" sldId="2147483683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1433414692" sldId="2147483684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1271724968" sldId="2147483685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1363723863" sldId="2147483686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3382360338" sldId="2147483687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2395067815" sldId="2147483688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2440223276" sldId="2147483689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1945332844" sldId="2147483690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2470562993" sldId="2147483691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3914855635" sldId="2147483692"/>
          </pc:sldLayoutMkLst>
        </pc:sldLayoutChg>
        <pc:sldLayoutChg chg="add del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320334206" sldId="2147483677"/>
            <pc:sldLayoutMk cId="143393471" sldId="2147483693"/>
          </pc:sldLayoutMkLst>
        </pc:sldLayoutChg>
      </pc:sldMasterChg>
      <pc:sldMasterChg chg="add addSldLayout modSldLayout">
        <pc:chgData name="Bertram Fink-Jakobsen" userId="S::s235474@dtu.dk::cba138e6-e5ed-4461-84a2-934144b76085" providerId="AD" clId="Web-{F10260B2-3F8C-FA11-5446-DE6959579CE5}" dt="2024-01-18T13:37:59.545" v="84"/>
        <pc:sldMasterMkLst>
          <pc:docMk/>
          <pc:sldMasterMk cId="1088212892" sldId="2147483694"/>
        </pc:sldMasterMkLst>
        <pc:sldLayoutChg chg="add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1088212892" sldId="2147483694"/>
            <pc:sldLayoutMk cId="137512705" sldId="2147483695"/>
          </pc:sldLayoutMkLst>
        </pc:sldLayoutChg>
        <pc:sldLayoutChg chg="add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1088212892" sldId="2147483694"/>
            <pc:sldLayoutMk cId="654824577" sldId="2147483696"/>
          </pc:sldLayoutMkLst>
        </pc:sldLayoutChg>
        <pc:sldLayoutChg chg="add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1088212892" sldId="2147483694"/>
            <pc:sldLayoutMk cId="1739199978" sldId="2147483697"/>
          </pc:sldLayoutMkLst>
        </pc:sldLayoutChg>
        <pc:sldLayoutChg chg="add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1088212892" sldId="2147483694"/>
            <pc:sldLayoutMk cId="1590744625" sldId="2147483698"/>
          </pc:sldLayoutMkLst>
        </pc:sldLayoutChg>
        <pc:sldLayoutChg chg="add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1088212892" sldId="2147483694"/>
            <pc:sldLayoutMk cId="2970821098" sldId="2147483699"/>
          </pc:sldLayoutMkLst>
        </pc:sldLayoutChg>
        <pc:sldLayoutChg chg="add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1088212892" sldId="2147483694"/>
            <pc:sldLayoutMk cId="4236543618" sldId="2147483700"/>
          </pc:sldLayoutMkLst>
        </pc:sldLayoutChg>
        <pc:sldLayoutChg chg="add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1088212892" sldId="2147483694"/>
            <pc:sldLayoutMk cId="920774221" sldId="2147483701"/>
          </pc:sldLayoutMkLst>
        </pc:sldLayoutChg>
        <pc:sldLayoutChg chg="add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1088212892" sldId="2147483694"/>
            <pc:sldLayoutMk cId="2601498310" sldId="2147483702"/>
          </pc:sldLayoutMkLst>
        </pc:sldLayoutChg>
        <pc:sldLayoutChg chg="add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1088212892" sldId="2147483694"/>
            <pc:sldLayoutMk cId="2915495783" sldId="2147483703"/>
          </pc:sldLayoutMkLst>
        </pc:sldLayoutChg>
        <pc:sldLayoutChg chg="add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1088212892" sldId="2147483694"/>
            <pc:sldLayoutMk cId="946600962" sldId="2147483704"/>
          </pc:sldLayoutMkLst>
        </pc:sldLayoutChg>
        <pc:sldLayoutChg chg="add mod replId">
          <pc:chgData name="Bertram Fink-Jakobsen" userId="S::s235474@dtu.dk::cba138e6-e5ed-4461-84a2-934144b76085" providerId="AD" clId="Web-{F10260B2-3F8C-FA11-5446-DE6959579CE5}" dt="2024-01-18T13:37:59.545" v="84"/>
          <pc:sldLayoutMkLst>
            <pc:docMk/>
            <pc:sldMasterMk cId="1088212892" sldId="2147483694"/>
            <pc:sldLayoutMk cId="2288926075" sldId="2147483705"/>
          </pc:sldLayoutMkLst>
        </pc:sldLayoutChg>
      </pc:sldMasterChg>
    </pc:docChg>
  </pc:docChgLst>
  <pc:docChgLst>
    <pc:chgData name="Dejan Joel Künnemeyer" userId="S::s235470@dtu.dk::1493ed98-d997-4d09-a109-17b0a1e8d8a4" providerId="AD" clId="Web-{583A8709-31B6-40A5-9FFD-EE8BB0401448}"/>
    <pc:docChg chg="addSld modSld">
      <pc:chgData name="Dejan Joel Künnemeyer" userId="S::s235470@dtu.dk::1493ed98-d997-4d09-a109-17b0a1e8d8a4" providerId="AD" clId="Web-{583A8709-31B6-40A5-9FFD-EE8BB0401448}" dt="2024-01-19T07:29:55.571" v="30" actId="14100"/>
      <pc:docMkLst>
        <pc:docMk/>
      </pc:docMkLst>
      <pc:sldChg chg="addSp delSp modSp new mod modClrScheme chgLayout">
        <pc:chgData name="Dejan Joel Künnemeyer" userId="S::s235470@dtu.dk::1493ed98-d997-4d09-a109-17b0a1e8d8a4" providerId="AD" clId="Web-{583A8709-31B6-40A5-9FFD-EE8BB0401448}" dt="2024-01-19T07:29:55.571" v="30" actId="14100"/>
        <pc:sldMkLst>
          <pc:docMk/>
          <pc:sldMk cId="838079200" sldId="262"/>
        </pc:sldMkLst>
        <pc:spChg chg="add mod">
          <ac:chgData name="Dejan Joel Künnemeyer" userId="S::s235470@dtu.dk::1493ed98-d997-4d09-a109-17b0a1e8d8a4" providerId="AD" clId="Web-{583A8709-31B6-40A5-9FFD-EE8BB0401448}" dt="2024-01-19T07:25:10.391" v="22" actId="20577"/>
          <ac:spMkLst>
            <pc:docMk/>
            <pc:sldMk cId="838079200" sldId="262"/>
            <ac:spMk id="2" creationId="{4CFA3E5B-65B1-E5A1-DB88-F715FCE8A192}"/>
          </ac:spMkLst>
        </pc:spChg>
        <pc:spChg chg="add del mod">
          <ac:chgData name="Dejan Joel Künnemeyer" userId="S::s235470@dtu.dk::1493ed98-d997-4d09-a109-17b0a1e8d8a4" providerId="AD" clId="Web-{583A8709-31B6-40A5-9FFD-EE8BB0401448}" dt="2024-01-19T07:29:24.430" v="23"/>
          <ac:spMkLst>
            <pc:docMk/>
            <pc:sldMk cId="838079200" sldId="262"/>
            <ac:spMk id="3" creationId="{A2D87734-143E-CE49-8EDF-7FAC8D1AAE1D}"/>
          </ac:spMkLst>
        </pc:spChg>
        <pc:picChg chg="add mod ord">
          <ac:chgData name="Dejan Joel Künnemeyer" userId="S::s235470@dtu.dk::1493ed98-d997-4d09-a109-17b0a1e8d8a4" providerId="AD" clId="Web-{583A8709-31B6-40A5-9FFD-EE8BB0401448}" dt="2024-01-19T07:29:55.571" v="30" actId="14100"/>
          <ac:picMkLst>
            <pc:docMk/>
            <pc:sldMk cId="838079200" sldId="262"/>
            <ac:picMk id="4" creationId="{386BDC41-CE37-A7C6-7565-52EB20ECC421}"/>
          </ac:picMkLst>
        </pc:picChg>
        <pc:picChg chg="add mod">
          <ac:chgData name="Dejan Joel Künnemeyer" userId="S::s235470@dtu.dk::1493ed98-d997-4d09-a109-17b0a1e8d8a4" providerId="AD" clId="Web-{583A8709-31B6-40A5-9FFD-EE8BB0401448}" dt="2024-01-19T07:29:25.727" v="24"/>
          <ac:picMkLst>
            <pc:docMk/>
            <pc:sldMk cId="838079200" sldId="262"/>
            <ac:picMk id="5" creationId="{598EDD91-F3ED-C6A2-6A94-91F8027F76FB}"/>
          </ac:picMkLst>
        </pc:picChg>
        <pc:picChg chg="add mod">
          <ac:chgData name="Dejan Joel Künnemeyer" userId="S::s235470@dtu.dk::1493ed98-d997-4d09-a109-17b0a1e8d8a4" providerId="AD" clId="Web-{583A8709-31B6-40A5-9FFD-EE8BB0401448}" dt="2024-01-19T07:29:27.367" v="25"/>
          <ac:picMkLst>
            <pc:docMk/>
            <pc:sldMk cId="838079200" sldId="262"/>
            <ac:picMk id="6" creationId="{FB5D0DE6-8FBE-2EDB-04D9-E920D69854EB}"/>
          </ac:picMkLst>
        </pc:picChg>
        <pc:picChg chg="add mod">
          <ac:chgData name="Dejan Joel Künnemeyer" userId="S::s235470@dtu.dk::1493ed98-d997-4d09-a109-17b0a1e8d8a4" providerId="AD" clId="Web-{583A8709-31B6-40A5-9FFD-EE8BB0401448}" dt="2024-01-19T07:29:28.711" v="26"/>
          <ac:picMkLst>
            <pc:docMk/>
            <pc:sldMk cId="838079200" sldId="262"/>
            <ac:picMk id="7" creationId="{75134D20-4CDB-EB54-2EF1-CE364A724A6E}"/>
          </ac:picMkLst>
        </pc:picChg>
        <pc:picChg chg="add mod">
          <ac:chgData name="Dejan Joel Künnemeyer" userId="S::s235470@dtu.dk::1493ed98-d997-4d09-a109-17b0a1e8d8a4" providerId="AD" clId="Web-{583A8709-31B6-40A5-9FFD-EE8BB0401448}" dt="2024-01-19T07:29:30.008" v="27"/>
          <ac:picMkLst>
            <pc:docMk/>
            <pc:sldMk cId="838079200" sldId="262"/>
            <ac:picMk id="8" creationId="{7C23E509-FC89-5A1B-5BE8-75C48B310547}"/>
          </ac:picMkLst>
        </pc:picChg>
      </pc:sldChg>
    </pc:docChg>
  </pc:docChgLst>
  <pc:docChgLst>
    <pc:chgData name="Bertram Fink-Jakobsen" userId="S::s235474@dtu.dk::cba138e6-e5ed-4461-84a2-934144b76085" providerId="AD" clId="Web-{F99EB0FE-4E9A-8200-42A0-6ED1FF2F0C94}"/>
    <pc:docChg chg="modSld">
      <pc:chgData name="Bertram Fink-Jakobsen" userId="S::s235474@dtu.dk::cba138e6-e5ed-4461-84a2-934144b76085" providerId="AD" clId="Web-{F99EB0FE-4E9A-8200-42A0-6ED1FF2F0C94}" dt="2024-01-18T09:31:45.787" v="42" actId="20577"/>
      <pc:docMkLst>
        <pc:docMk/>
      </pc:docMkLst>
      <pc:sldChg chg="modSp">
        <pc:chgData name="Bertram Fink-Jakobsen" userId="S::s235474@dtu.dk::cba138e6-e5ed-4461-84a2-934144b76085" providerId="AD" clId="Web-{F99EB0FE-4E9A-8200-42A0-6ED1FF2F0C94}" dt="2024-01-18T09:31:45.787" v="42" actId="20577"/>
        <pc:sldMkLst>
          <pc:docMk/>
          <pc:sldMk cId="3898717410" sldId="260"/>
        </pc:sldMkLst>
        <pc:spChg chg="mod">
          <ac:chgData name="Bertram Fink-Jakobsen" userId="S::s235474@dtu.dk::cba138e6-e5ed-4461-84a2-934144b76085" providerId="AD" clId="Web-{F99EB0FE-4E9A-8200-42A0-6ED1FF2F0C94}" dt="2024-01-18T09:31:45.787" v="42" actId="20577"/>
          <ac:spMkLst>
            <pc:docMk/>
            <pc:sldMk cId="3898717410" sldId="260"/>
            <ac:spMk id="5" creationId="{5B68F45A-0DD8-68B3-C421-BD6852E57519}"/>
          </ac:spMkLst>
        </pc:spChg>
      </pc:sldChg>
    </pc:docChg>
  </pc:docChgLst>
  <pc:docChgLst>
    <pc:chgData name="Dejan Joel Künnemeyer" userId="1493ed98-d997-4d09-a109-17b0a1e8d8a4" providerId="ADAL" clId="{6CC235B5-DBB2-4656-8214-4991D3B2268A}"/>
    <pc:docChg chg="undo custSel addSld delSld modSld sldOrd">
      <pc:chgData name="Dejan Joel Künnemeyer" userId="1493ed98-d997-4d09-a109-17b0a1e8d8a4" providerId="ADAL" clId="{6CC235B5-DBB2-4656-8214-4991D3B2268A}" dt="2024-01-19T08:41:10.663" v="442" actId="20577"/>
      <pc:docMkLst>
        <pc:docMk/>
      </pc:docMkLst>
      <pc:sldChg chg="modSp mod">
        <pc:chgData name="Dejan Joel Künnemeyer" userId="1493ed98-d997-4d09-a109-17b0a1e8d8a4" providerId="ADAL" clId="{6CC235B5-DBB2-4656-8214-4991D3B2268A}" dt="2024-01-19T08:31:48.508" v="438" actId="1076"/>
        <pc:sldMkLst>
          <pc:docMk/>
          <pc:sldMk cId="3424942676" sldId="256"/>
        </pc:sldMkLst>
        <pc:spChg chg="mod">
          <ac:chgData name="Dejan Joel Künnemeyer" userId="1493ed98-d997-4d09-a109-17b0a1e8d8a4" providerId="ADAL" clId="{6CC235B5-DBB2-4656-8214-4991D3B2268A}" dt="2024-01-19T08:31:48.508" v="438" actId="1076"/>
          <ac:spMkLst>
            <pc:docMk/>
            <pc:sldMk cId="3424942676" sldId="256"/>
            <ac:spMk id="6" creationId="{55D701C3-1A7F-A3C1-50FC-D1B97BFA6BA0}"/>
          </ac:spMkLst>
        </pc:spChg>
      </pc:sldChg>
      <pc:sldChg chg="addSp modSp mod">
        <pc:chgData name="Dejan Joel Künnemeyer" userId="1493ed98-d997-4d09-a109-17b0a1e8d8a4" providerId="ADAL" clId="{6CC235B5-DBB2-4656-8214-4991D3B2268A}" dt="2024-01-19T08:25:04.930" v="413" actId="20577"/>
        <pc:sldMkLst>
          <pc:docMk/>
          <pc:sldMk cId="1192249544" sldId="258"/>
        </pc:sldMkLst>
        <pc:spChg chg="mod">
          <ac:chgData name="Dejan Joel Künnemeyer" userId="1493ed98-d997-4d09-a109-17b0a1e8d8a4" providerId="ADAL" clId="{6CC235B5-DBB2-4656-8214-4991D3B2268A}" dt="2024-01-19T08:25:04.930" v="413" actId="20577"/>
          <ac:spMkLst>
            <pc:docMk/>
            <pc:sldMk cId="1192249544" sldId="258"/>
            <ac:spMk id="4" creationId="{B4AF0C2B-4897-E5F4-31CC-8D0A1B331DFA}"/>
          </ac:spMkLst>
        </pc:spChg>
        <pc:picChg chg="add mod">
          <ac:chgData name="Dejan Joel Künnemeyer" userId="1493ed98-d997-4d09-a109-17b0a1e8d8a4" providerId="ADAL" clId="{6CC235B5-DBB2-4656-8214-4991D3B2268A}" dt="2024-01-19T08:24:53.912" v="406" actId="1076"/>
          <ac:picMkLst>
            <pc:docMk/>
            <pc:sldMk cId="1192249544" sldId="258"/>
            <ac:picMk id="6" creationId="{3FE304B0-E888-3BBF-1707-C5C3BD66B67F}"/>
          </ac:picMkLst>
        </pc:picChg>
      </pc:sldChg>
      <pc:sldChg chg="modSp mod">
        <pc:chgData name="Dejan Joel Künnemeyer" userId="1493ed98-d997-4d09-a109-17b0a1e8d8a4" providerId="ADAL" clId="{6CC235B5-DBB2-4656-8214-4991D3B2268A}" dt="2024-01-19T08:26:43.618" v="436" actId="5793"/>
        <pc:sldMkLst>
          <pc:docMk/>
          <pc:sldMk cId="2397620422" sldId="259"/>
        </pc:sldMkLst>
        <pc:spChg chg="mod">
          <ac:chgData name="Dejan Joel Künnemeyer" userId="1493ed98-d997-4d09-a109-17b0a1e8d8a4" providerId="ADAL" clId="{6CC235B5-DBB2-4656-8214-4991D3B2268A}" dt="2024-01-19T08:26:43.618" v="436" actId="5793"/>
          <ac:spMkLst>
            <pc:docMk/>
            <pc:sldMk cId="2397620422" sldId="259"/>
            <ac:spMk id="5" creationId="{5393F1D0-A6FB-CB5F-B84D-712C299BB80F}"/>
          </ac:spMkLst>
        </pc:spChg>
      </pc:sldChg>
      <pc:sldChg chg="modSp mod ord">
        <pc:chgData name="Dejan Joel Künnemeyer" userId="1493ed98-d997-4d09-a109-17b0a1e8d8a4" providerId="ADAL" clId="{6CC235B5-DBB2-4656-8214-4991D3B2268A}" dt="2024-01-19T08:41:10.663" v="442" actId="20577"/>
        <pc:sldMkLst>
          <pc:docMk/>
          <pc:sldMk cId="3898717410" sldId="260"/>
        </pc:sldMkLst>
        <pc:spChg chg="mod">
          <ac:chgData name="Dejan Joel Künnemeyer" userId="1493ed98-d997-4d09-a109-17b0a1e8d8a4" providerId="ADAL" clId="{6CC235B5-DBB2-4656-8214-4991D3B2268A}" dt="2024-01-19T08:41:10.663" v="442" actId="20577"/>
          <ac:spMkLst>
            <pc:docMk/>
            <pc:sldMk cId="3898717410" sldId="260"/>
            <ac:spMk id="5" creationId="{5B68F45A-0DD8-68B3-C421-BD6852E57519}"/>
          </ac:spMkLst>
        </pc:spChg>
      </pc:sldChg>
      <pc:sldChg chg="del">
        <pc:chgData name="Dejan Joel Künnemeyer" userId="1493ed98-d997-4d09-a109-17b0a1e8d8a4" providerId="ADAL" clId="{6CC235B5-DBB2-4656-8214-4991D3B2268A}" dt="2024-01-19T08:27:01.208" v="437" actId="2696"/>
        <pc:sldMkLst>
          <pc:docMk/>
          <pc:sldMk cId="3700789138" sldId="261"/>
        </pc:sldMkLst>
      </pc:sldChg>
      <pc:sldChg chg="addSp modSp mod ord">
        <pc:chgData name="Dejan Joel Künnemeyer" userId="1493ed98-d997-4d09-a109-17b0a1e8d8a4" providerId="ADAL" clId="{6CC235B5-DBB2-4656-8214-4991D3B2268A}" dt="2024-01-19T07:56:52.343" v="373" actId="1076"/>
        <pc:sldMkLst>
          <pc:docMk/>
          <pc:sldMk cId="838079200" sldId="262"/>
        </pc:sldMkLst>
        <pc:spChg chg="mod">
          <ac:chgData name="Dejan Joel Künnemeyer" userId="1493ed98-d997-4d09-a109-17b0a1e8d8a4" providerId="ADAL" clId="{6CC235B5-DBB2-4656-8214-4991D3B2268A}" dt="2024-01-19T07:56:52.343" v="373" actId="1076"/>
          <ac:spMkLst>
            <pc:docMk/>
            <pc:sldMk cId="838079200" sldId="262"/>
            <ac:spMk id="2" creationId="{4CFA3E5B-65B1-E5A1-DB88-F715FCE8A192}"/>
          </ac:spMkLst>
        </pc:spChg>
        <pc:graphicFrameChg chg="add mod">
          <ac:chgData name="Dejan Joel Künnemeyer" userId="1493ed98-d997-4d09-a109-17b0a1e8d8a4" providerId="ADAL" clId="{6CC235B5-DBB2-4656-8214-4991D3B2268A}" dt="2024-01-19T07:42:33.042" v="162" actId="1076"/>
          <ac:graphicFrameMkLst>
            <pc:docMk/>
            <pc:sldMk cId="838079200" sldId="262"/>
            <ac:graphicFrameMk id="3" creationId="{0F4A648E-C3A2-52BF-AD71-1C31080D4A77}"/>
          </ac:graphicFrameMkLst>
        </pc:graphicFrameChg>
        <pc:graphicFrameChg chg="add mod">
          <ac:chgData name="Dejan Joel Künnemeyer" userId="1493ed98-d997-4d09-a109-17b0a1e8d8a4" providerId="ADAL" clId="{6CC235B5-DBB2-4656-8214-4991D3B2268A}" dt="2024-01-19T07:42:33.042" v="162" actId="1076"/>
          <ac:graphicFrameMkLst>
            <pc:docMk/>
            <pc:sldMk cId="838079200" sldId="262"/>
            <ac:graphicFrameMk id="9" creationId="{415DC47C-EF85-CAC9-728C-22ADA258B66B}"/>
          </ac:graphicFrameMkLst>
        </pc:graphicFrameChg>
        <pc:graphicFrameChg chg="add mod">
          <ac:chgData name="Dejan Joel Künnemeyer" userId="1493ed98-d997-4d09-a109-17b0a1e8d8a4" providerId="ADAL" clId="{6CC235B5-DBB2-4656-8214-4991D3B2268A}" dt="2024-01-19T07:42:33.042" v="162" actId="1076"/>
          <ac:graphicFrameMkLst>
            <pc:docMk/>
            <pc:sldMk cId="838079200" sldId="262"/>
            <ac:graphicFrameMk id="10" creationId="{B0703C02-AC82-E267-BB8B-B7D047EB9605}"/>
          </ac:graphicFrameMkLst>
        </pc:graphicFrameChg>
        <pc:picChg chg="mod modCrop">
          <ac:chgData name="Dejan Joel Künnemeyer" userId="1493ed98-d997-4d09-a109-17b0a1e8d8a4" providerId="ADAL" clId="{6CC235B5-DBB2-4656-8214-4991D3B2268A}" dt="2024-01-19T07:50:16.067" v="355"/>
          <ac:picMkLst>
            <pc:docMk/>
            <pc:sldMk cId="838079200" sldId="262"/>
            <ac:picMk id="4" creationId="{386BDC41-CE37-A7C6-7565-52EB20ECC421}"/>
          </ac:picMkLst>
        </pc:picChg>
        <pc:picChg chg="mod modCrop">
          <ac:chgData name="Dejan Joel Künnemeyer" userId="1493ed98-d997-4d09-a109-17b0a1e8d8a4" providerId="ADAL" clId="{6CC235B5-DBB2-4656-8214-4991D3B2268A}" dt="2024-01-19T07:35:38.597" v="102" actId="1038"/>
          <ac:picMkLst>
            <pc:docMk/>
            <pc:sldMk cId="838079200" sldId="262"/>
            <ac:picMk id="5" creationId="{598EDD91-F3ED-C6A2-6A94-91F8027F76FB}"/>
          </ac:picMkLst>
        </pc:picChg>
        <pc:picChg chg="mod modCrop">
          <ac:chgData name="Dejan Joel Künnemeyer" userId="1493ed98-d997-4d09-a109-17b0a1e8d8a4" providerId="ADAL" clId="{6CC235B5-DBB2-4656-8214-4991D3B2268A}" dt="2024-01-19T07:35:38.597" v="102" actId="1038"/>
          <ac:picMkLst>
            <pc:docMk/>
            <pc:sldMk cId="838079200" sldId="262"/>
            <ac:picMk id="6" creationId="{FB5D0DE6-8FBE-2EDB-04D9-E920D69854EB}"/>
          </ac:picMkLst>
        </pc:picChg>
        <pc:picChg chg="mod modCrop">
          <ac:chgData name="Dejan Joel Künnemeyer" userId="1493ed98-d997-4d09-a109-17b0a1e8d8a4" providerId="ADAL" clId="{6CC235B5-DBB2-4656-8214-4991D3B2268A}" dt="2024-01-19T07:35:38.597" v="102" actId="1038"/>
          <ac:picMkLst>
            <pc:docMk/>
            <pc:sldMk cId="838079200" sldId="262"/>
            <ac:picMk id="7" creationId="{75134D20-4CDB-EB54-2EF1-CE364A724A6E}"/>
          </ac:picMkLst>
        </pc:picChg>
        <pc:picChg chg="mod modCrop">
          <ac:chgData name="Dejan Joel Künnemeyer" userId="1493ed98-d997-4d09-a109-17b0a1e8d8a4" providerId="ADAL" clId="{6CC235B5-DBB2-4656-8214-4991D3B2268A}" dt="2024-01-19T07:35:38.597" v="102" actId="1038"/>
          <ac:picMkLst>
            <pc:docMk/>
            <pc:sldMk cId="838079200" sldId="262"/>
            <ac:picMk id="8" creationId="{7C23E509-FC89-5A1B-5BE8-75C48B310547}"/>
          </ac:picMkLst>
        </pc:picChg>
      </pc:sldChg>
      <pc:sldChg chg="addSp delSp modSp add mod">
        <pc:chgData name="Dejan Joel Künnemeyer" userId="1493ed98-d997-4d09-a109-17b0a1e8d8a4" providerId="ADAL" clId="{6CC235B5-DBB2-4656-8214-4991D3B2268A}" dt="2024-01-19T07:57:22.989" v="401" actId="1037"/>
        <pc:sldMkLst>
          <pc:docMk/>
          <pc:sldMk cId="2967070972" sldId="263"/>
        </pc:sldMkLst>
        <pc:spChg chg="mod">
          <ac:chgData name="Dejan Joel Künnemeyer" userId="1493ed98-d997-4d09-a109-17b0a1e8d8a4" providerId="ADAL" clId="{6CC235B5-DBB2-4656-8214-4991D3B2268A}" dt="2024-01-19T07:57:22.989" v="401" actId="1037"/>
          <ac:spMkLst>
            <pc:docMk/>
            <pc:sldMk cId="2967070972" sldId="263"/>
            <ac:spMk id="2" creationId="{4CFA3E5B-65B1-E5A1-DB88-F715FCE8A192}"/>
          </ac:spMkLst>
        </pc:spChg>
        <pc:spChg chg="add del mod ord">
          <ac:chgData name="Dejan Joel Künnemeyer" userId="1493ed98-d997-4d09-a109-17b0a1e8d8a4" providerId="ADAL" clId="{6CC235B5-DBB2-4656-8214-4991D3B2268A}" dt="2024-01-19T07:47:42.019" v="271" actId="478"/>
          <ac:spMkLst>
            <pc:docMk/>
            <pc:sldMk cId="2967070972" sldId="263"/>
            <ac:spMk id="12" creationId="{17ADD964-BDAA-EA4A-30EC-827E950BCCD3}"/>
          </ac:spMkLst>
        </pc:spChg>
        <pc:graphicFrameChg chg="del">
          <ac:chgData name="Dejan Joel Künnemeyer" userId="1493ed98-d997-4d09-a109-17b0a1e8d8a4" providerId="ADAL" clId="{6CC235B5-DBB2-4656-8214-4991D3B2268A}" dt="2024-01-19T07:45:27.140" v="168" actId="478"/>
          <ac:graphicFrameMkLst>
            <pc:docMk/>
            <pc:sldMk cId="2967070972" sldId="263"/>
            <ac:graphicFrameMk id="3" creationId="{0F4A648E-C3A2-52BF-AD71-1C31080D4A77}"/>
          </ac:graphicFrameMkLst>
        </pc:graphicFrameChg>
        <pc:graphicFrameChg chg="del">
          <ac:chgData name="Dejan Joel Künnemeyer" userId="1493ed98-d997-4d09-a109-17b0a1e8d8a4" providerId="ADAL" clId="{6CC235B5-DBB2-4656-8214-4991D3B2268A}" dt="2024-01-19T07:45:27.140" v="168" actId="478"/>
          <ac:graphicFrameMkLst>
            <pc:docMk/>
            <pc:sldMk cId="2967070972" sldId="263"/>
            <ac:graphicFrameMk id="9" creationId="{415DC47C-EF85-CAC9-728C-22ADA258B66B}"/>
          </ac:graphicFrameMkLst>
        </pc:graphicFrameChg>
        <pc:graphicFrameChg chg="del">
          <ac:chgData name="Dejan Joel Künnemeyer" userId="1493ed98-d997-4d09-a109-17b0a1e8d8a4" providerId="ADAL" clId="{6CC235B5-DBB2-4656-8214-4991D3B2268A}" dt="2024-01-19T07:45:27.140" v="168" actId="478"/>
          <ac:graphicFrameMkLst>
            <pc:docMk/>
            <pc:sldMk cId="2967070972" sldId="263"/>
            <ac:graphicFrameMk id="10" creationId="{B0703C02-AC82-E267-BB8B-B7D047EB9605}"/>
          </ac:graphicFrameMkLst>
        </pc:graphicFrameChg>
        <pc:graphicFrameChg chg="add mod">
          <ac:chgData name="Dejan Joel Künnemeyer" userId="1493ed98-d997-4d09-a109-17b0a1e8d8a4" providerId="ADAL" clId="{6CC235B5-DBB2-4656-8214-4991D3B2268A}" dt="2024-01-19T07:46:46.027" v="242" actId="1037"/>
          <ac:graphicFrameMkLst>
            <pc:docMk/>
            <pc:sldMk cId="2967070972" sldId="263"/>
            <ac:graphicFrameMk id="13" creationId="{4F352A82-05E9-3D97-6E9A-23E49993C176}"/>
          </ac:graphicFrameMkLst>
        </pc:graphicFrameChg>
        <pc:graphicFrameChg chg="add mod">
          <ac:chgData name="Dejan Joel Künnemeyer" userId="1493ed98-d997-4d09-a109-17b0a1e8d8a4" providerId="ADAL" clId="{6CC235B5-DBB2-4656-8214-4991D3B2268A}" dt="2024-01-19T07:46:46.027" v="242" actId="1037"/>
          <ac:graphicFrameMkLst>
            <pc:docMk/>
            <pc:sldMk cId="2967070972" sldId="263"/>
            <ac:graphicFrameMk id="14" creationId="{70E21E3C-DFED-3B6A-CED3-68495E78EF55}"/>
          </ac:graphicFrameMkLst>
        </pc:graphicFrameChg>
        <pc:graphicFrameChg chg="add mod">
          <ac:chgData name="Dejan Joel Künnemeyer" userId="1493ed98-d997-4d09-a109-17b0a1e8d8a4" providerId="ADAL" clId="{6CC235B5-DBB2-4656-8214-4991D3B2268A}" dt="2024-01-19T07:49:24.419" v="351" actId="1076"/>
          <ac:graphicFrameMkLst>
            <pc:docMk/>
            <pc:sldMk cId="2967070972" sldId="263"/>
            <ac:graphicFrameMk id="15" creationId="{56D9BC83-6E56-FD19-D5F8-1232E762A83A}"/>
          </ac:graphicFrameMkLst>
        </pc:graphicFrameChg>
        <pc:picChg chg="del">
          <ac:chgData name="Dejan Joel Künnemeyer" userId="1493ed98-d997-4d09-a109-17b0a1e8d8a4" providerId="ADAL" clId="{6CC235B5-DBB2-4656-8214-4991D3B2268A}" dt="2024-01-19T07:45:12.563" v="166" actId="478"/>
          <ac:picMkLst>
            <pc:docMk/>
            <pc:sldMk cId="2967070972" sldId="263"/>
            <ac:picMk id="4" creationId="{386BDC41-CE37-A7C6-7565-52EB20ECC421}"/>
          </ac:picMkLst>
        </pc:picChg>
        <pc:picChg chg="del">
          <ac:chgData name="Dejan Joel Künnemeyer" userId="1493ed98-d997-4d09-a109-17b0a1e8d8a4" providerId="ADAL" clId="{6CC235B5-DBB2-4656-8214-4991D3B2268A}" dt="2024-01-19T07:45:12.563" v="166" actId="478"/>
          <ac:picMkLst>
            <pc:docMk/>
            <pc:sldMk cId="2967070972" sldId="263"/>
            <ac:picMk id="5" creationId="{598EDD91-F3ED-C6A2-6A94-91F8027F76FB}"/>
          </ac:picMkLst>
        </pc:picChg>
        <pc:picChg chg="del">
          <ac:chgData name="Dejan Joel Künnemeyer" userId="1493ed98-d997-4d09-a109-17b0a1e8d8a4" providerId="ADAL" clId="{6CC235B5-DBB2-4656-8214-4991D3B2268A}" dt="2024-01-19T07:45:12.563" v="166" actId="478"/>
          <ac:picMkLst>
            <pc:docMk/>
            <pc:sldMk cId="2967070972" sldId="263"/>
            <ac:picMk id="6" creationId="{FB5D0DE6-8FBE-2EDB-04D9-E920D69854EB}"/>
          </ac:picMkLst>
        </pc:picChg>
        <pc:picChg chg="del">
          <ac:chgData name="Dejan Joel Künnemeyer" userId="1493ed98-d997-4d09-a109-17b0a1e8d8a4" providerId="ADAL" clId="{6CC235B5-DBB2-4656-8214-4991D3B2268A}" dt="2024-01-19T07:45:12.563" v="166" actId="478"/>
          <ac:picMkLst>
            <pc:docMk/>
            <pc:sldMk cId="2967070972" sldId="263"/>
            <ac:picMk id="7" creationId="{75134D20-4CDB-EB54-2EF1-CE364A724A6E}"/>
          </ac:picMkLst>
        </pc:picChg>
        <pc:picChg chg="del">
          <ac:chgData name="Dejan Joel Künnemeyer" userId="1493ed98-d997-4d09-a109-17b0a1e8d8a4" providerId="ADAL" clId="{6CC235B5-DBB2-4656-8214-4991D3B2268A}" dt="2024-01-19T07:45:12.563" v="166" actId="478"/>
          <ac:picMkLst>
            <pc:docMk/>
            <pc:sldMk cId="2967070972" sldId="263"/>
            <ac:picMk id="8" creationId="{7C23E509-FC89-5A1B-5BE8-75C48B310547}"/>
          </ac:picMkLst>
        </pc:picChg>
      </pc:sldChg>
    </pc:docChg>
  </pc:docChgLst>
</pc:chgInfo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35470\Downloads\Experiments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35470\Downloads\Experiments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35470\Downloads\Experiments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35470\Downloads\Experiments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35470\Downloads\Experiments.xlsx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_rels/chart6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35470\Downloads\Experiments.xlsx" TargetMode="External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Temperature (C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30Outside'!$B$1</c:f>
              <c:strCache>
                <c:ptCount val="1"/>
                <c:pt idx="0">
                  <c:v>airTMP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30Outside'!$A$2:$A$1801</c:f>
              <c:numCache>
                <c:formatCode>General</c:formatCode>
                <c:ptCount val="1800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1</c:v>
                </c:pt>
                <c:pt idx="1002">
                  <c:v>1002</c:v>
                </c:pt>
                <c:pt idx="1003">
                  <c:v>1003</c:v>
                </c:pt>
                <c:pt idx="1004">
                  <c:v>1004</c:v>
                </c:pt>
                <c:pt idx="1005">
                  <c:v>1005</c:v>
                </c:pt>
                <c:pt idx="1006">
                  <c:v>1006</c:v>
                </c:pt>
                <c:pt idx="1007">
                  <c:v>1007</c:v>
                </c:pt>
                <c:pt idx="1008">
                  <c:v>1008</c:v>
                </c:pt>
                <c:pt idx="1009">
                  <c:v>1009</c:v>
                </c:pt>
                <c:pt idx="1010">
                  <c:v>1010</c:v>
                </c:pt>
                <c:pt idx="1011">
                  <c:v>1011</c:v>
                </c:pt>
                <c:pt idx="1012">
                  <c:v>1012</c:v>
                </c:pt>
                <c:pt idx="1013">
                  <c:v>1013</c:v>
                </c:pt>
                <c:pt idx="1014">
                  <c:v>1014</c:v>
                </c:pt>
                <c:pt idx="1015">
                  <c:v>1015</c:v>
                </c:pt>
                <c:pt idx="1016">
                  <c:v>1016</c:v>
                </c:pt>
                <c:pt idx="1017">
                  <c:v>1017</c:v>
                </c:pt>
                <c:pt idx="1018">
                  <c:v>1018</c:v>
                </c:pt>
                <c:pt idx="1019">
                  <c:v>1019</c:v>
                </c:pt>
                <c:pt idx="1020">
                  <c:v>1020</c:v>
                </c:pt>
                <c:pt idx="1021">
                  <c:v>1021</c:v>
                </c:pt>
                <c:pt idx="1022">
                  <c:v>1022</c:v>
                </c:pt>
                <c:pt idx="1023">
                  <c:v>1023</c:v>
                </c:pt>
                <c:pt idx="1024">
                  <c:v>1024</c:v>
                </c:pt>
                <c:pt idx="1025">
                  <c:v>1025</c:v>
                </c:pt>
                <c:pt idx="1026">
                  <c:v>1026</c:v>
                </c:pt>
                <c:pt idx="1027">
                  <c:v>1027</c:v>
                </c:pt>
                <c:pt idx="1028">
                  <c:v>1028</c:v>
                </c:pt>
                <c:pt idx="1029">
                  <c:v>1029</c:v>
                </c:pt>
                <c:pt idx="1030">
                  <c:v>1030</c:v>
                </c:pt>
                <c:pt idx="1031">
                  <c:v>1031</c:v>
                </c:pt>
                <c:pt idx="1032">
                  <c:v>1032</c:v>
                </c:pt>
                <c:pt idx="1033">
                  <c:v>1033</c:v>
                </c:pt>
                <c:pt idx="1034">
                  <c:v>1034</c:v>
                </c:pt>
                <c:pt idx="1035">
                  <c:v>1035</c:v>
                </c:pt>
                <c:pt idx="1036">
                  <c:v>1036</c:v>
                </c:pt>
                <c:pt idx="1037">
                  <c:v>1037</c:v>
                </c:pt>
                <c:pt idx="1038">
                  <c:v>1038</c:v>
                </c:pt>
                <c:pt idx="1039">
                  <c:v>1039</c:v>
                </c:pt>
                <c:pt idx="1040">
                  <c:v>1040</c:v>
                </c:pt>
                <c:pt idx="1041">
                  <c:v>1041</c:v>
                </c:pt>
                <c:pt idx="1042">
                  <c:v>1042</c:v>
                </c:pt>
                <c:pt idx="1043">
                  <c:v>1043</c:v>
                </c:pt>
                <c:pt idx="1044">
                  <c:v>1044</c:v>
                </c:pt>
                <c:pt idx="1045">
                  <c:v>1045</c:v>
                </c:pt>
                <c:pt idx="1046">
                  <c:v>1046</c:v>
                </c:pt>
                <c:pt idx="1047">
                  <c:v>1047</c:v>
                </c:pt>
                <c:pt idx="1048">
                  <c:v>1048</c:v>
                </c:pt>
                <c:pt idx="1049">
                  <c:v>1049</c:v>
                </c:pt>
                <c:pt idx="1050">
                  <c:v>1050</c:v>
                </c:pt>
                <c:pt idx="1051">
                  <c:v>1051</c:v>
                </c:pt>
                <c:pt idx="1052">
                  <c:v>1052</c:v>
                </c:pt>
                <c:pt idx="1053">
                  <c:v>1053</c:v>
                </c:pt>
                <c:pt idx="1054">
                  <c:v>1054</c:v>
                </c:pt>
                <c:pt idx="1055">
                  <c:v>1055</c:v>
                </c:pt>
                <c:pt idx="1056">
                  <c:v>1056</c:v>
                </c:pt>
                <c:pt idx="1057">
                  <c:v>1057</c:v>
                </c:pt>
                <c:pt idx="1058">
                  <c:v>1058</c:v>
                </c:pt>
                <c:pt idx="1059">
                  <c:v>1059</c:v>
                </c:pt>
                <c:pt idx="1060">
                  <c:v>1060</c:v>
                </c:pt>
                <c:pt idx="1061">
                  <c:v>1061</c:v>
                </c:pt>
                <c:pt idx="1062">
                  <c:v>1062</c:v>
                </c:pt>
                <c:pt idx="1063">
                  <c:v>1063</c:v>
                </c:pt>
                <c:pt idx="1064">
                  <c:v>1064</c:v>
                </c:pt>
                <c:pt idx="1065">
                  <c:v>1065</c:v>
                </c:pt>
                <c:pt idx="1066">
                  <c:v>1066</c:v>
                </c:pt>
                <c:pt idx="1067">
                  <c:v>1067</c:v>
                </c:pt>
                <c:pt idx="1068">
                  <c:v>1068</c:v>
                </c:pt>
                <c:pt idx="1069">
                  <c:v>1069</c:v>
                </c:pt>
                <c:pt idx="1070">
                  <c:v>1070</c:v>
                </c:pt>
                <c:pt idx="1071">
                  <c:v>1071</c:v>
                </c:pt>
                <c:pt idx="1072">
                  <c:v>1072</c:v>
                </c:pt>
                <c:pt idx="1073">
                  <c:v>1073</c:v>
                </c:pt>
                <c:pt idx="1074">
                  <c:v>1074</c:v>
                </c:pt>
                <c:pt idx="1075">
                  <c:v>1075</c:v>
                </c:pt>
                <c:pt idx="1076">
                  <c:v>1076</c:v>
                </c:pt>
                <c:pt idx="1077">
                  <c:v>1077</c:v>
                </c:pt>
                <c:pt idx="1078">
                  <c:v>1078</c:v>
                </c:pt>
                <c:pt idx="1079">
                  <c:v>1079</c:v>
                </c:pt>
                <c:pt idx="1080">
                  <c:v>1080</c:v>
                </c:pt>
                <c:pt idx="1081">
                  <c:v>1081</c:v>
                </c:pt>
                <c:pt idx="1082">
                  <c:v>1082</c:v>
                </c:pt>
                <c:pt idx="1083">
                  <c:v>1083</c:v>
                </c:pt>
                <c:pt idx="1084">
                  <c:v>1084</c:v>
                </c:pt>
                <c:pt idx="1085">
                  <c:v>1085</c:v>
                </c:pt>
                <c:pt idx="1086">
                  <c:v>1086</c:v>
                </c:pt>
                <c:pt idx="1087">
                  <c:v>1087</c:v>
                </c:pt>
                <c:pt idx="1088">
                  <c:v>1088</c:v>
                </c:pt>
                <c:pt idx="1089">
                  <c:v>1089</c:v>
                </c:pt>
                <c:pt idx="1090">
                  <c:v>1090</c:v>
                </c:pt>
                <c:pt idx="1091">
                  <c:v>1091</c:v>
                </c:pt>
                <c:pt idx="1092">
                  <c:v>1092</c:v>
                </c:pt>
                <c:pt idx="1093">
                  <c:v>1093</c:v>
                </c:pt>
                <c:pt idx="1094">
                  <c:v>1094</c:v>
                </c:pt>
                <c:pt idx="1095">
                  <c:v>1095</c:v>
                </c:pt>
                <c:pt idx="1096">
                  <c:v>1096</c:v>
                </c:pt>
                <c:pt idx="1097">
                  <c:v>1097</c:v>
                </c:pt>
                <c:pt idx="1098">
                  <c:v>1098</c:v>
                </c:pt>
                <c:pt idx="1099">
                  <c:v>1099</c:v>
                </c:pt>
                <c:pt idx="1100">
                  <c:v>1100</c:v>
                </c:pt>
                <c:pt idx="1101">
                  <c:v>1101</c:v>
                </c:pt>
                <c:pt idx="1102">
                  <c:v>1102</c:v>
                </c:pt>
                <c:pt idx="1103">
                  <c:v>1103</c:v>
                </c:pt>
                <c:pt idx="1104">
                  <c:v>1104</c:v>
                </c:pt>
                <c:pt idx="1105">
                  <c:v>1105</c:v>
                </c:pt>
                <c:pt idx="1106">
                  <c:v>1106</c:v>
                </c:pt>
                <c:pt idx="1107">
                  <c:v>1107</c:v>
                </c:pt>
                <c:pt idx="1108">
                  <c:v>1108</c:v>
                </c:pt>
                <c:pt idx="1109">
                  <c:v>1109</c:v>
                </c:pt>
                <c:pt idx="1110">
                  <c:v>1110</c:v>
                </c:pt>
                <c:pt idx="1111">
                  <c:v>1111</c:v>
                </c:pt>
                <c:pt idx="1112">
                  <c:v>1112</c:v>
                </c:pt>
                <c:pt idx="1113">
                  <c:v>1113</c:v>
                </c:pt>
                <c:pt idx="1114">
                  <c:v>1114</c:v>
                </c:pt>
                <c:pt idx="1115">
                  <c:v>1115</c:v>
                </c:pt>
                <c:pt idx="1116">
                  <c:v>1116</c:v>
                </c:pt>
                <c:pt idx="1117">
                  <c:v>1117</c:v>
                </c:pt>
                <c:pt idx="1118">
                  <c:v>1118</c:v>
                </c:pt>
                <c:pt idx="1119">
                  <c:v>1119</c:v>
                </c:pt>
                <c:pt idx="1120">
                  <c:v>1120</c:v>
                </c:pt>
                <c:pt idx="1121">
                  <c:v>1121</c:v>
                </c:pt>
                <c:pt idx="1122">
                  <c:v>1122</c:v>
                </c:pt>
                <c:pt idx="1123">
                  <c:v>1123</c:v>
                </c:pt>
                <c:pt idx="1124">
                  <c:v>1124</c:v>
                </c:pt>
                <c:pt idx="1125">
                  <c:v>1125</c:v>
                </c:pt>
                <c:pt idx="1126">
                  <c:v>1126</c:v>
                </c:pt>
                <c:pt idx="1127">
                  <c:v>1127</c:v>
                </c:pt>
                <c:pt idx="1128">
                  <c:v>1128</c:v>
                </c:pt>
                <c:pt idx="1129">
                  <c:v>1129</c:v>
                </c:pt>
                <c:pt idx="1130">
                  <c:v>1130</c:v>
                </c:pt>
                <c:pt idx="1131">
                  <c:v>1131</c:v>
                </c:pt>
                <c:pt idx="1132">
                  <c:v>1132</c:v>
                </c:pt>
                <c:pt idx="1133">
                  <c:v>1133</c:v>
                </c:pt>
                <c:pt idx="1134">
                  <c:v>1134</c:v>
                </c:pt>
                <c:pt idx="1135">
                  <c:v>1135</c:v>
                </c:pt>
                <c:pt idx="1136">
                  <c:v>1136</c:v>
                </c:pt>
                <c:pt idx="1137">
                  <c:v>1137</c:v>
                </c:pt>
                <c:pt idx="1138">
                  <c:v>1138</c:v>
                </c:pt>
                <c:pt idx="1139">
                  <c:v>1139</c:v>
                </c:pt>
                <c:pt idx="1140">
                  <c:v>1140</c:v>
                </c:pt>
                <c:pt idx="1141">
                  <c:v>1141</c:v>
                </c:pt>
                <c:pt idx="1142">
                  <c:v>1142</c:v>
                </c:pt>
                <c:pt idx="1143">
                  <c:v>1143</c:v>
                </c:pt>
                <c:pt idx="1144">
                  <c:v>1144</c:v>
                </c:pt>
                <c:pt idx="1145">
                  <c:v>1145</c:v>
                </c:pt>
                <c:pt idx="1146">
                  <c:v>1146</c:v>
                </c:pt>
                <c:pt idx="1147">
                  <c:v>1147</c:v>
                </c:pt>
                <c:pt idx="1148">
                  <c:v>1148</c:v>
                </c:pt>
                <c:pt idx="1149">
                  <c:v>1149</c:v>
                </c:pt>
                <c:pt idx="1150">
                  <c:v>1150</c:v>
                </c:pt>
                <c:pt idx="1151">
                  <c:v>1151</c:v>
                </c:pt>
                <c:pt idx="1152">
                  <c:v>1152</c:v>
                </c:pt>
                <c:pt idx="1153">
                  <c:v>1153</c:v>
                </c:pt>
                <c:pt idx="1154">
                  <c:v>1154</c:v>
                </c:pt>
                <c:pt idx="1155">
                  <c:v>1155</c:v>
                </c:pt>
                <c:pt idx="1156">
                  <c:v>1156</c:v>
                </c:pt>
                <c:pt idx="1157">
                  <c:v>1157</c:v>
                </c:pt>
                <c:pt idx="1158">
                  <c:v>1158</c:v>
                </c:pt>
                <c:pt idx="1159">
                  <c:v>1159</c:v>
                </c:pt>
                <c:pt idx="1160">
                  <c:v>1160</c:v>
                </c:pt>
                <c:pt idx="1161">
                  <c:v>1161</c:v>
                </c:pt>
                <c:pt idx="1162">
                  <c:v>1162</c:v>
                </c:pt>
                <c:pt idx="1163">
                  <c:v>1163</c:v>
                </c:pt>
                <c:pt idx="1164">
                  <c:v>1164</c:v>
                </c:pt>
                <c:pt idx="1165">
                  <c:v>1165</c:v>
                </c:pt>
                <c:pt idx="1166">
                  <c:v>1166</c:v>
                </c:pt>
                <c:pt idx="1167">
                  <c:v>1167</c:v>
                </c:pt>
                <c:pt idx="1168">
                  <c:v>1168</c:v>
                </c:pt>
                <c:pt idx="1169">
                  <c:v>1169</c:v>
                </c:pt>
                <c:pt idx="1170">
                  <c:v>1170</c:v>
                </c:pt>
                <c:pt idx="1171">
                  <c:v>1171</c:v>
                </c:pt>
                <c:pt idx="1172">
                  <c:v>1172</c:v>
                </c:pt>
                <c:pt idx="1173">
                  <c:v>1173</c:v>
                </c:pt>
                <c:pt idx="1174">
                  <c:v>1174</c:v>
                </c:pt>
                <c:pt idx="1175">
                  <c:v>1175</c:v>
                </c:pt>
                <c:pt idx="1176">
                  <c:v>1176</c:v>
                </c:pt>
                <c:pt idx="1177">
                  <c:v>1177</c:v>
                </c:pt>
                <c:pt idx="1178">
                  <c:v>1178</c:v>
                </c:pt>
                <c:pt idx="1179">
                  <c:v>1179</c:v>
                </c:pt>
                <c:pt idx="1180">
                  <c:v>1180</c:v>
                </c:pt>
                <c:pt idx="1181">
                  <c:v>1181</c:v>
                </c:pt>
                <c:pt idx="1182">
                  <c:v>1182</c:v>
                </c:pt>
                <c:pt idx="1183">
                  <c:v>1183</c:v>
                </c:pt>
                <c:pt idx="1184">
                  <c:v>1184</c:v>
                </c:pt>
                <c:pt idx="1185">
                  <c:v>1185</c:v>
                </c:pt>
                <c:pt idx="1186">
                  <c:v>1186</c:v>
                </c:pt>
                <c:pt idx="1187">
                  <c:v>1187</c:v>
                </c:pt>
                <c:pt idx="1188">
                  <c:v>1188</c:v>
                </c:pt>
                <c:pt idx="1189">
                  <c:v>1189</c:v>
                </c:pt>
                <c:pt idx="1190">
                  <c:v>1190</c:v>
                </c:pt>
                <c:pt idx="1191">
                  <c:v>1191</c:v>
                </c:pt>
                <c:pt idx="1192">
                  <c:v>1192</c:v>
                </c:pt>
                <c:pt idx="1193">
                  <c:v>1193</c:v>
                </c:pt>
                <c:pt idx="1194">
                  <c:v>1194</c:v>
                </c:pt>
                <c:pt idx="1195">
                  <c:v>1195</c:v>
                </c:pt>
                <c:pt idx="1196">
                  <c:v>1196</c:v>
                </c:pt>
                <c:pt idx="1197">
                  <c:v>1197</c:v>
                </c:pt>
                <c:pt idx="1198">
                  <c:v>1198</c:v>
                </c:pt>
                <c:pt idx="1199">
                  <c:v>1199</c:v>
                </c:pt>
                <c:pt idx="1200">
                  <c:v>1200</c:v>
                </c:pt>
                <c:pt idx="1201">
                  <c:v>1201</c:v>
                </c:pt>
                <c:pt idx="1202">
                  <c:v>1202</c:v>
                </c:pt>
                <c:pt idx="1203">
                  <c:v>1203</c:v>
                </c:pt>
                <c:pt idx="1204">
                  <c:v>1204</c:v>
                </c:pt>
                <c:pt idx="1205">
                  <c:v>1205</c:v>
                </c:pt>
                <c:pt idx="1206">
                  <c:v>1206</c:v>
                </c:pt>
                <c:pt idx="1207">
                  <c:v>1207</c:v>
                </c:pt>
                <c:pt idx="1208">
                  <c:v>1208</c:v>
                </c:pt>
                <c:pt idx="1209">
                  <c:v>1209</c:v>
                </c:pt>
                <c:pt idx="1210">
                  <c:v>1210</c:v>
                </c:pt>
                <c:pt idx="1211">
                  <c:v>1211</c:v>
                </c:pt>
                <c:pt idx="1212">
                  <c:v>1212</c:v>
                </c:pt>
                <c:pt idx="1213">
                  <c:v>1213</c:v>
                </c:pt>
                <c:pt idx="1214">
                  <c:v>1214</c:v>
                </c:pt>
                <c:pt idx="1215">
                  <c:v>1215</c:v>
                </c:pt>
                <c:pt idx="1216">
                  <c:v>1216</c:v>
                </c:pt>
                <c:pt idx="1217">
                  <c:v>1217</c:v>
                </c:pt>
                <c:pt idx="1218">
                  <c:v>1218</c:v>
                </c:pt>
                <c:pt idx="1219">
                  <c:v>1219</c:v>
                </c:pt>
                <c:pt idx="1220">
                  <c:v>1220</c:v>
                </c:pt>
                <c:pt idx="1221">
                  <c:v>1221</c:v>
                </c:pt>
                <c:pt idx="1222">
                  <c:v>1222</c:v>
                </c:pt>
                <c:pt idx="1223">
                  <c:v>1223</c:v>
                </c:pt>
                <c:pt idx="1224">
                  <c:v>1224</c:v>
                </c:pt>
                <c:pt idx="1225">
                  <c:v>1225</c:v>
                </c:pt>
                <c:pt idx="1226">
                  <c:v>1226</c:v>
                </c:pt>
                <c:pt idx="1227">
                  <c:v>1227</c:v>
                </c:pt>
                <c:pt idx="1228">
                  <c:v>1228</c:v>
                </c:pt>
                <c:pt idx="1229">
                  <c:v>1229</c:v>
                </c:pt>
                <c:pt idx="1230">
                  <c:v>1230</c:v>
                </c:pt>
                <c:pt idx="1231">
                  <c:v>1231</c:v>
                </c:pt>
                <c:pt idx="1232">
                  <c:v>1232</c:v>
                </c:pt>
                <c:pt idx="1233">
                  <c:v>1233</c:v>
                </c:pt>
                <c:pt idx="1234">
                  <c:v>1234</c:v>
                </c:pt>
                <c:pt idx="1235">
                  <c:v>1235</c:v>
                </c:pt>
                <c:pt idx="1236">
                  <c:v>1236</c:v>
                </c:pt>
                <c:pt idx="1237">
                  <c:v>1237</c:v>
                </c:pt>
                <c:pt idx="1238">
                  <c:v>1238</c:v>
                </c:pt>
                <c:pt idx="1239">
                  <c:v>1239</c:v>
                </c:pt>
                <c:pt idx="1240">
                  <c:v>1240</c:v>
                </c:pt>
                <c:pt idx="1241">
                  <c:v>1241</c:v>
                </c:pt>
                <c:pt idx="1242">
                  <c:v>1242</c:v>
                </c:pt>
                <c:pt idx="1243">
                  <c:v>1243</c:v>
                </c:pt>
                <c:pt idx="1244">
                  <c:v>1244</c:v>
                </c:pt>
                <c:pt idx="1245">
                  <c:v>1245</c:v>
                </c:pt>
                <c:pt idx="1246">
                  <c:v>1246</c:v>
                </c:pt>
                <c:pt idx="1247">
                  <c:v>1247</c:v>
                </c:pt>
                <c:pt idx="1248">
                  <c:v>1248</c:v>
                </c:pt>
                <c:pt idx="1249">
                  <c:v>1249</c:v>
                </c:pt>
                <c:pt idx="1250">
                  <c:v>1250</c:v>
                </c:pt>
                <c:pt idx="1251">
                  <c:v>1251</c:v>
                </c:pt>
                <c:pt idx="1252">
                  <c:v>1252</c:v>
                </c:pt>
                <c:pt idx="1253">
                  <c:v>1253</c:v>
                </c:pt>
                <c:pt idx="1254">
                  <c:v>1254</c:v>
                </c:pt>
                <c:pt idx="1255">
                  <c:v>1255</c:v>
                </c:pt>
                <c:pt idx="1256">
                  <c:v>1256</c:v>
                </c:pt>
                <c:pt idx="1257">
                  <c:v>1257</c:v>
                </c:pt>
                <c:pt idx="1258">
                  <c:v>1258</c:v>
                </c:pt>
                <c:pt idx="1259">
                  <c:v>1259</c:v>
                </c:pt>
                <c:pt idx="1260">
                  <c:v>1260</c:v>
                </c:pt>
                <c:pt idx="1261">
                  <c:v>1261</c:v>
                </c:pt>
                <c:pt idx="1262">
                  <c:v>1262</c:v>
                </c:pt>
                <c:pt idx="1263">
                  <c:v>1263</c:v>
                </c:pt>
                <c:pt idx="1264">
                  <c:v>1264</c:v>
                </c:pt>
                <c:pt idx="1265">
                  <c:v>1265</c:v>
                </c:pt>
                <c:pt idx="1266">
                  <c:v>1266</c:v>
                </c:pt>
                <c:pt idx="1267">
                  <c:v>1267</c:v>
                </c:pt>
                <c:pt idx="1268">
                  <c:v>1268</c:v>
                </c:pt>
                <c:pt idx="1269">
                  <c:v>1269</c:v>
                </c:pt>
                <c:pt idx="1270">
                  <c:v>1270</c:v>
                </c:pt>
                <c:pt idx="1271">
                  <c:v>1271</c:v>
                </c:pt>
                <c:pt idx="1272">
                  <c:v>1272</c:v>
                </c:pt>
                <c:pt idx="1273">
                  <c:v>1273</c:v>
                </c:pt>
                <c:pt idx="1274">
                  <c:v>1274</c:v>
                </c:pt>
                <c:pt idx="1275">
                  <c:v>1275</c:v>
                </c:pt>
                <c:pt idx="1276">
                  <c:v>1276</c:v>
                </c:pt>
                <c:pt idx="1277">
                  <c:v>1277</c:v>
                </c:pt>
                <c:pt idx="1278">
                  <c:v>1278</c:v>
                </c:pt>
                <c:pt idx="1279">
                  <c:v>1279</c:v>
                </c:pt>
                <c:pt idx="1280">
                  <c:v>1280</c:v>
                </c:pt>
                <c:pt idx="1281">
                  <c:v>1281</c:v>
                </c:pt>
                <c:pt idx="1282">
                  <c:v>1282</c:v>
                </c:pt>
                <c:pt idx="1283">
                  <c:v>1283</c:v>
                </c:pt>
                <c:pt idx="1284">
                  <c:v>1284</c:v>
                </c:pt>
                <c:pt idx="1285">
                  <c:v>1285</c:v>
                </c:pt>
                <c:pt idx="1286">
                  <c:v>1286</c:v>
                </c:pt>
                <c:pt idx="1287">
                  <c:v>1287</c:v>
                </c:pt>
                <c:pt idx="1288">
                  <c:v>1288</c:v>
                </c:pt>
                <c:pt idx="1289">
                  <c:v>1289</c:v>
                </c:pt>
                <c:pt idx="1290">
                  <c:v>1290</c:v>
                </c:pt>
                <c:pt idx="1291">
                  <c:v>1291</c:v>
                </c:pt>
                <c:pt idx="1292">
                  <c:v>1292</c:v>
                </c:pt>
                <c:pt idx="1293">
                  <c:v>1293</c:v>
                </c:pt>
                <c:pt idx="1294">
                  <c:v>1294</c:v>
                </c:pt>
                <c:pt idx="1295">
                  <c:v>1295</c:v>
                </c:pt>
                <c:pt idx="1296">
                  <c:v>1296</c:v>
                </c:pt>
                <c:pt idx="1297">
                  <c:v>1297</c:v>
                </c:pt>
                <c:pt idx="1298">
                  <c:v>1298</c:v>
                </c:pt>
                <c:pt idx="1299">
                  <c:v>1299</c:v>
                </c:pt>
                <c:pt idx="1300">
                  <c:v>1300</c:v>
                </c:pt>
                <c:pt idx="1301">
                  <c:v>1301</c:v>
                </c:pt>
                <c:pt idx="1302">
                  <c:v>1302</c:v>
                </c:pt>
                <c:pt idx="1303">
                  <c:v>1303</c:v>
                </c:pt>
                <c:pt idx="1304">
                  <c:v>1304</c:v>
                </c:pt>
                <c:pt idx="1305">
                  <c:v>1305</c:v>
                </c:pt>
                <c:pt idx="1306">
                  <c:v>1306</c:v>
                </c:pt>
                <c:pt idx="1307">
                  <c:v>1307</c:v>
                </c:pt>
                <c:pt idx="1308">
                  <c:v>1308</c:v>
                </c:pt>
                <c:pt idx="1309">
                  <c:v>1309</c:v>
                </c:pt>
                <c:pt idx="1310">
                  <c:v>1310</c:v>
                </c:pt>
                <c:pt idx="1311">
                  <c:v>1311</c:v>
                </c:pt>
                <c:pt idx="1312">
                  <c:v>1312</c:v>
                </c:pt>
                <c:pt idx="1313">
                  <c:v>1313</c:v>
                </c:pt>
                <c:pt idx="1314">
                  <c:v>1314</c:v>
                </c:pt>
                <c:pt idx="1315">
                  <c:v>1315</c:v>
                </c:pt>
                <c:pt idx="1316">
                  <c:v>1316</c:v>
                </c:pt>
                <c:pt idx="1317">
                  <c:v>1317</c:v>
                </c:pt>
                <c:pt idx="1318">
                  <c:v>1318</c:v>
                </c:pt>
                <c:pt idx="1319">
                  <c:v>1319</c:v>
                </c:pt>
                <c:pt idx="1320">
                  <c:v>1320</c:v>
                </c:pt>
                <c:pt idx="1321">
                  <c:v>1321</c:v>
                </c:pt>
                <c:pt idx="1322">
                  <c:v>1322</c:v>
                </c:pt>
                <c:pt idx="1323">
                  <c:v>1323</c:v>
                </c:pt>
                <c:pt idx="1324">
                  <c:v>1324</c:v>
                </c:pt>
                <c:pt idx="1325">
                  <c:v>1325</c:v>
                </c:pt>
                <c:pt idx="1326">
                  <c:v>1326</c:v>
                </c:pt>
                <c:pt idx="1327">
                  <c:v>1327</c:v>
                </c:pt>
                <c:pt idx="1328">
                  <c:v>1328</c:v>
                </c:pt>
                <c:pt idx="1329">
                  <c:v>1329</c:v>
                </c:pt>
                <c:pt idx="1330">
                  <c:v>1330</c:v>
                </c:pt>
                <c:pt idx="1331">
                  <c:v>1331</c:v>
                </c:pt>
                <c:pt idx="1332">
                  <c:v>1332</c:v>
                </c:pt>
                <c:pt idx="1333">
                  <c:v>1333</c:v>
                </c:pt>
                <c:pt idx="1334">
                  <c:v>1334</c:v>
                </c:pt>
                <c:pt idx="1335">
                  <c:v>1335</c:v>
                </c:pt>
                <c:pt idx="1336">
                  <c:v>1336</c:v>
                </c:pt>
                <c:pt idx="1337">
                  <c:v>1337</c:v>
                </c:pt>
                <c:pt idx="1338">
                  <c:v>1338</c:v>
                </c:pt>
                <c:pt idx="1339">
                  <c:v>1339</c:v>
                </c:pt>
                <c:pt idx="1340">
                  <c:v>1340</c:v>
                </c:pt>
                <c:pt idx="1341">
                  <c:v>1341</c:v>
                </c:pt>
                <c:pt idx="1342">
                  <c:v>1342</c:v>
                </c:pt>
                <c:pt idx="1343">
                  <c:v>1343</c:v>
                </c:pt>
                <c:pt idx="1344">
                  <c:v>1344</c:v>
                </c:pt>
                <c:pt idx="1345">
                  <c:v>1345</c:v>
                </c:pt>
                <c:pt idx="1346">
                  <c:v>1346</c:v>
                </c:pt>
                <c:pt idx="1347">
                  <c:v>1347</c:v>
                </c:pt>
                <c:pt idx="1348">
                  <c:v>1348</c:v>
                </c:pt>
                <c:pt idx="1349">
                  <c:v>1349</c:v>
                </c:pt>
                <c:pt idx="1350">
                  <c:v>1350</c:v>
                </c:pt>
                <c:pt idx="1351">
                  <c:v>1351</c:v>
                </c:pt>
                <c:pt idx="1352">
                  <c:v>1352</c:v>
                </c:pt>
                <c:pt idx="1353">
                  <c:v>1353</c:v>
                </c:pt>
                <c:pt idx="1354">
                  <c:v>1354</c:v>
                </c:pt>
                <c:pt idx="1355">
                  <c:v>1355</c:v>
                </c:pt>
                <c:pt idx="1356">
                  <c:v>1356</c:v>
                </c:pt>
                <c:pt idx="1357">
                  <c:v>1357</c:v>
                </c:pt>
                <c:pt idx="1358">
                  <c:v>1358</c:v>
                </c:pt>
                <c:pt idx="1359">
                  <c:v>1359</c:v>
                </c:pt>
                <c:pt idx="1360">
                  <c:v>1360</c:v>
                </c:pt>
                <c:pt idx="1361">
                  <c:v>1361</c:v>
                </c:pt>
                <c:pt idx="1362">
                  <c:v>1362</c:v>
                </c:pt>
                <c:pt idx="1363">
                  <c:v>1363</c:v>
                </c:pt>
                <c:pt idx="1364">
                  <c:v>1364</c:v>
                </c:pt>
                <c:pt idx="1365">
                  <c:v>1365</c:v>
                </c:pt>
                <c:pt idx="1366">
                  <c:v>1366</c:v>
                </c:pt>
                <c:pt idx="1367">
                  <c:v>1367</c:v>
                </c:pt>
                <c:pt idx="1368">
                  <c:v>1368</c:v>
                </c:pt>
                <c:pt idx="1369">
                  <c:v>1369</c:v>
                </c:pt>
                <c:pt idx="1370">
                  <c:v>1370</c:v>
                </c:pt>
                <c:pt idx="1371">
                  <c:v>1371</c:v>
                </c:pt>
                <c:pt idx="1372">
                  <c:v>1372</c:v>
                </c:pt>
                <c:pt idx="1373">
                  <c:v>1373</c:v>
                </c:pt>
                <c:pt idx="1374">
                  <c:v>1374</c:v>
                </c:pt>
                <c:pt idx="1375">
                  <c:v>1375</c:v>
                </c:pt>
                <c:pt idx="1376">
                  <c:v>1376</c:v>
                </c:pt>
                <c:pt idx="1377">
                  <c:v>1377</c:v>
                </c:pt>
                <c:pt idx="1378">
                  <c:v>1378</c:v>
                </c:pt>
                <c:pt idx="1379">
                  <c:v>1379</c:v>
                </c:pt>
                <c:pt idx="1380">
                  <c:v>1380</c:v>
                </c:pt>
                <c:pt idx="1381">
                  <c:v>1381</c:v>
                </c:pt>
                <c:pt idx="1382">
                  <c:v>1382</c:v>
                </c:pt>
                <c:pt idx="1383">
                  <c:v>1383</c:v>
                </c:pt>
                <c:pt idx="1384">
                  <c:v>1384</c:v>
                </c:pt>
                <c:pt idx="1385">
                  <c:v>1385</c:v>
                </c:pt>
                <c:pt idx="1386">
                  <c:v>1386</c:v>
                </c:pt>
                <c:pt idx="1387">
                  <c:v>1387</c:v>
                </c:pt>
                <c:pt idx="1388">
                  <c:v>1388</c:v>
                </c:pt>
                <c:pt idx="1389">
                  <c:v>1389</c:v>
                </c:pt>
                <c:pt idx="1390">
                  <c:v>1390</c:v>
                </c:pt>
                <c:pt idx="1391">
                  <c:v>1391</c:v>
                </c:pt>
                <c:pt idx="1392">
                  <c:v>1392</c:v>
                </c:pt>
                <c:pt idx="1393">
                  <c:v>1393</c:v>
                </c:pt>
                <c:pt idx="1394">
                  <c:v>1394</c:v>
                </c:pt>
                <c:pt idx="1395">
                  <c:v>1395</c:v>
                </c:pt>
                <c:pt idx="1396">
                  <c:v>1396</c:v>
                </c:pt>
                <c:pt idx="1397">
                  <c:v>1397</c:v>
                </c:pt>
                <c:pt idx="1398">
                  <c:v>1398</c:v>
                </c:pt>
                <c:pt idx="1399">
                  <c:v>1399</c:v>
                </c:pt>
                <c:pt idx="1400">
                  <c:v>1400</c:v>
                </c:pt>
                <c:pt idx="1401">
                  <c:v>1401</c:v>
                </c:pt>
                <c:pt idx="1402">
                  <c:v>1402</c:v>
                </c:pt>
                <c:pt idx="1403">
                  <c:v>1403</c:v>
                </c:pt>
                <c:pt idx="1404">
                  <c:v>1404</c:v>
                </c:pt>
                <c:pt idx="1405">
                  <c:v>1405</c:v>
                </c:pt>
                <c:pt idx="1406">
                  <c:v>1406</c:v>
                </c:pt>
                <c:pt idx="1407">
                  <c:v>1407</c:v>
                </c:pt>
                <c:pt idx="1408">
                  <c:v>1408</c:v>
                </c:pt>
                <c:pt idx="1409">
                  <c:v>1409</c:v>
                </c:pt>
                <c:pt idx="1410">
                  <c:v>1410</c:v>
                </c:pt>
                <c:pt idx="1411">
                  <c:v>1411</c:v>
                </c:pt>
                <c:pt idx="1412">
                  <c:v>1412</c:v>
                </c:pt>
                <c:pt idx="1413">
                  <c:v>1413</c:v>
                </c:pt>
                <c:pt idx="1414">
                  <c:v>1414</c:v>
                </c:pt>
                <c:pt idx="1415">
                  <c:v>1415</c:v>
                </c:pt>
                <c:pt idx="1416">
                  <c:v>1416</c:v>
                </c:pt>
                <c:pt idx="1417">
                  <c:v>1417</c:v>
                </c:pt>
                <c:pt idx="1418">
                  <c:v>1418</c:v>
                </c:pt>
                <c:pt idx="1419">
                  <c:v>1419</c:v>
                </c:pt>
                <c:pt idx="1420">
                  <c:v>1420</c:v>
                </c:pt>
                <c:pt idx="1421">
                  <c:v>1421</c:v>
                </c:pt>
                <c:pt idx="1422">
                  <c:v>1422</c:v>
                </c:pt>
                <c:pt idx="1423">
                  <c:v>1423</c:v>
                </c:pt>
                <c:pt idx="1424">
                  <c:v>1424</c:v>
                </c:pt>
                <c:pt idx="1425">
                  <c:v>1425</c:v>
                </c:pt>
                <c:pt idx="1426">
                  <c:v>1426</c:v>
                </c:pt>
                <c:pt idx="1427">
                  <c:v>1427</c:v>
                </c:pt>
                <c:pt idx="1428">
                  <c:v>1428</c:v>
                </c:pt>
                <c:pt idx="1429">
                  <c:v>1429</c:v>
                </c:pt>
                <c:pt idx="1430">
                  <c:v>1430</c:v>
                </c:pt>
                <c:pt idx="1431">
                  <c:v>1431</c:v>
                </c:pt>
                <c:pt idx="1432">
                  <c:v>1432</c:v>
                </c:pt>
                <c:pt idx="1433">
                  <c:v>1433</c:v>
                </c:pt>
                <c:pt idx="1434">
                  <c:v>1434</c:v>
                </c:pt>
                <c:pt idx="1435">
                  <c:v>1435</c:v>
                </c:pt>
                <c:pt idx="1436">
                  <c:v>1436</c:v>
                </c:pt>
                <c:pt idx="1437">
                  <c:v>1437</c:v>
                </c:pt>
                <c:pt idx="1438">
                  <c:v>1438</c:v>
                </c:pt>
                <c:pt idx="1439">
                  <c:v>1439</c:v>
                </c:pt>
                <c:pt idx="1440">
                  <c:v>1440</c:v>
                </c:pt>
                <c:pt idx="1441">
                  <c:v>1441</c:v>
                </c:pt>
                <c:pt idx="1442">
                  <c:v>1442</c:v>
                </c:pt>
                <c:pt idx="1443">
                  <c:v>1443</c:v>
                </c:pt>
                <c:pt idx="1444">
                  <c:v>1444</c:v>
                </c:pt>
                <c:pt idx="1445">
                  <c:v>1445</c:v>
                </c:pt>
                <c:pt idx="1446">
                  <c:v>1446</c:v>
                </c:pt>
                <c:pt idx="1447">
                  <c:v>1447</c:v>
                </c:pt>
                <c:pt idx="1448">
                  <c:v>1448</c:v>
                </c:pt>
                <c:pt idx="1449">
                  <c:v>1449</c:v>
                </c:pt>
                <c:pt idx="1450">
                  <c:v>1450</c:v>
                </c:pt>
                <c:pt idx="1451">
                  <c:v>1451</c:v>
                </c:pt>
                <c:pt idx="1452">
                  <c:v>1452</c:v>
                </c:pt>
                <c:pt idx="1453">
                  <c:v>1453</c:v>
                </c:pt>
                <c:pt idx="1454">
                  <c:v>1454</c:v>
                </c:pt>
                <c:pt idx="1455">
                  <c:v>1455</c:v>
                </c:pt>
                <c:pt idx="1456">
                  <c:v>1456</c:v>
                </c:pt>
                <c:pt idx="1457">
                  <c:v>1457</c:v>
                </c:pt>
                <c:pt idx="1458">
                  <c:v>1458</c:v>
                </c:pt>
                <c:pt idx="1459">
                  <c:v>1459</c:v>
                </c:pt>
                <c:pt idx="1460">
                  <c:v>1460</c:v>
                </c:pt>
                <c:pt idx="1461">
                  <c:v>1461</c:v>
                </c:pt>
                <c:pt idx="1462">
                  <c:v>1462</c:v>
                </c:pt>
                <c:pt idx="1463">
                  <c:v>1463</c:v>
                </c:pt>
                <c:pt idx="1464">
                  <c:v>1464</c:v>
                </c:pt>
                <c:pt idx="1465">
                  <c:v>1465</c:v>
                </c:pt>
                <c:pt idx="1466">
                  <c:v>1466</c:v>
                </c:pt>
                <c:pt idx="1467">
                  <c:v>1467</c:v>
                </c:pt>
                <c:pt idx="1468">
                  <c:v>1468</c:v>
                </c:pt>
                <c:pt idx="1469">
                  <c:v>1469</c:v>
                </c:pt>
                <c:pt idx="1470">
                  <c:v>1470</c:v>
                </c:pt>
                <c:pt idx="1471">
                  <c:v>1471</c:v>
                </c:pt>
                <c:pt idx="1472">
                  <c:v>1472</c:v>
                </c:pt>
                <c:pt idx="1473">
                  <c:v>1473</c:v>
                </c:pt>
                <c:pt idx="1474">
                  <c:v>1474</c:v>
                </c:pt>
                <c:pt idx="1475">
                  <c:v>1475</c:v>
                </c:pt>
                <c:pt idx="1476">
                  <c:v>1476</c:v>
                </c:pt>
                <c:pt idx="1477">
                  <c:v>1477</c:v>
                </c:pt>
                <c:pt idx="1478">
                  <c:v>1478</c:v>
                </c:pt>
                <c:pt idx="1479">
                  <c:v>1479</c:v>
                </c:pt>
                <c:pt idx="1480">
                  <c:v>1480</c:v>
                </c:pt>
                <c:pt idx="1481">
                  <c:v>1481</c:v>
                </c:pt>
                <c:pt idx="1482">
                  <c:v>1482</c:v>
                </c:pt>
                <c:pt idx="1483">
                  <c:v>1483</c:v>
                </c:pt>
                <c:pt idx="1484">
                  <c:v>1484</c:v>
                </c:pt>
                <c:pt idx="1485">
                  <c:v>1485</c:v>
                </c:pt>
                <c:pt idx="1486">
                  <c:v>1486</c:v>
                </c:pt>
                <c:pt idx="1487">
                  <c:v>1487</c:v>
                </c:pt>
                <c:pt idx="1488">
                  <c:v>1488</c:v>
                </c:pt>
                <c:pt idx="1489">
                  <c:v>1489</c:v>
                </c:pt>
                <c:pt idx="1490">
                  <c:v>1490</c:v>
                </c:pt>
                <c:pt idx="1491">
                  <c:v>1491</c:v>
                </c:pt>
                <c:pt idx="1492">
                  <c:v>1492</c:v>
                </c:pt>
                <c:pt idx="1493">
                  <c:v>1493</c:v>
                </c:pt>
                <c:pt idx="1494">
                  <c:v>1494</c:v>
                </c:pt>
                <c:pt idx="1495">
                  <c:v>1495</c:v>
                </c:pt>
                <c:pt idx="1496">
                  <c:v>1496</c:v>
                </c:pt>
                <c:pt idx="1497">
                  <c:v>1497</c:v>
                </c:pt>
                <c:pt idx="1498">
                  <c:v>1498</c:v>
                </c:pt>
                <c:pt idx="1499">
                  <c:v>1499</c:v>
                </c:pt>
                <c:pt idx="1500">
                  <c:v>1500</c:v>
                </c:pt>
                <c:pt idx="1501">
                  <c:v>1501</c:v>
                </c:pt>
                <c:pt idx="1502">
                  <c:v>1502</c:v>
                </c:pt>
                <c:pt idx="1503">
                  <c:v>1503</c:v>
                </c:pt>
                <c:pt idx="1504">
                  <c:v>1504</c:v>
                </c:pt>
                <c:pt idx="1505">
                  <c:v>1505</c:v>
                </c:pt>
                <c:pt idx="1506">
                  <c:v>1506</c:v>
                </c:pt>
                <c:pt idx="1507">
                  <c:v>1507</c:v>
                </c:pt>
                <c:pt idx="1508">
                  <c:v>1508</c:v>
                </c:pt>
                <c:pt idx="1509">
                  <c:v>1509</c:v>
                </c:pt>
                <c:pt idx="1510">
                  <c:v>1510</c:v>
                </c:pt>
                <c:pt idx="1511">
                  <c:v>1511</c:v>
                </c:pt>
                <c:pt idx="1512">
                  <c:v>1512</c:v>
                </c:pt>
                <c:pt idx="1513">
                  <c:v>1513</c:v>
                </c:pt>
                <c:pt idx="1514">
                  <c:v>1514</c:v>
                </c:pt>
                <c:pt idx="1515">
                  <c:v>1515</c:v>
                </c:pt>
                <c:pt idx="1516">
                  <c:v>1516</c:v>
                </c:pt>
                <c:pt idx="1517">
                  <c:v>1517</c:v>
                </c:pt>
                <c:pt idx="1518">
                  <c:v>1518</c:v>
                </c:pt>
                <c:pt idx="1519">
                  <c:v>1519</c:v>
                </c:pt>
                <c:pt idx="1520">
                  <c:v>1520</c:v>
                </c:pt>
                <c:pt idx="1521">
                  <c:v>1521</c:v>
                </c:pt>
                <c:pt idx="1522">
                  <c:v>1522</c:v>
                </c:pt>
                <c:pt idx="1523">
                  <c:v>1523</c:v>
                </c:pt>
                <c:pt idx="1524">
                  <c:v>1524</c:v>
                </c:pt>
                <c:pt idx="1525">
                  <c:v>1525</c:v>
                </c:pt>
                <c:pt idx="1526">
                  <c:v>1526</c:v>
                </c:pt>
                <c:pt idx="1527">
                  <c:v>1527</c:v>
                </c:pt>
                <c:pt idx="1528">
                  <c:v>1528</c:v>
                </c:pt>
                <c:pt idx="1529">
                  <c:v>1529</c:v>
                </c:pt>
                <c:pt idx="1530">
                  <c:v>1530</c:v>
                </c:pt>
                <c:pt idx="1531">
                  <c:v>1531</c:v>
                </c:pt>
                <c:pt idx="1532">
                  <c:v>1532</c:v>
                </c:pt>
                <c:pt idx="1533">
                  <c:v>1533</c:v>
                </c:pt>
                <c:pt idx="1534">
                  <c:v>1534</c:v>
                </c:pt>
                <c:pt idx="1535">
                  <c:v>1535</c:v>
                </c:pt>
                <c:pt idx="1536">
                  <c:v>1536</c:v>
                </c:pt>
                <c:pt idx="1537">
                  <c:v>1537</c:v>
                </c:pt>
                <c:pt idx="1538">
                  <c:v>1538</c:v>
                </c:pt>
                <c:pt idx="1539">
                  <c:v>1539</c:v>
                </c:pt>
                <c:pt idx="1540">
                  <c:v>1540</c:v>
                </c:pt>
                <c:pt idx="1541">
                  <c:v>1541</c:v>
                </c:pt>
                <c:pt idx="1542">
                  <c:v>1542</c:v>
                </c:pt>
                <c:pt idx="1543">
                  <c:v>1543</c:v>
                </c:pt>
                <c:pt idx="1544">
                  <c:v>1544</c:v>
                </c:pt>
                <c:pt idx="1545">
                  <c:v>1545</c:v>
                </c:pt>
                <c:pt idx="1546">
                  <c:v>1546</c:v>
                </c:pt>
                <c:pt idx="1547">
                  <c:v>1547</c:v>
                </c:pt>
                <c:pt idx="1548">
                  <c:v>1548</c:v>
                </c:pt>
                <c:pt idx="1549">
                  <c:v>1549</c:v>
                </c:pt>
                <c:pt idx="1550">
                  <c:v>1550</c:v>
                </c:pt>
                <c:pt idx="1551">
                  <c:v>1551</c:v>
                </c:pt>
                <c:pt idx="1552">
                  <c:v>1552</c:v>
                </c:pt>
                <c:pt idx="1553">
                  <c:v>1553</c:v>
                </c:pt>
                <c:pt idx="1554">
                  <c:v>1554</c:v>
                </c:pt>
                <c:pt idx="1555">
                  <c:v>1555</c:v>
                </c:pt>
                <c:pt idx="1556">
                  <c:v>1556</c:v>
                </c:pt>
                <c:pt idx="1557">
                  <c:v>1557</c:v>
                </c:pt>
                <c:pt idx="1558">
                  <c:v>1558</c:v>
                </c:pt>
                <c:pt idx="1559">
                  <c:v>1559</c:v>
                </c:pt>
                <c:pt idx="1560">
                  <c:v>1560</c:v>
                </c:pt>
                <c:pt idx="1561">
                  <c:v>1561</c:v>
                </c:pt>
                <c:pt idx="1562">
                  <c:v>1562</c:v>
                </c:pt>
                <c:pt idx="1563">
                  <c:v>1563</c:v>
                </c:pt>
                <c:pt idx="1564">
                  <c:v>1564</c:v>
                </c:pt>
                <c:pt idx="1565">
                  <c:v>1565</c:v>
                </c:pt>
                <c:pt idx="1566">
                  <c:v>1566</c:v>
                </c:pt>
                <c:pt idx="1567">
                  <c:v>1567</c:v>
                </c:pt>
                <c:pt idx="1568">
                  <c:v>1568</c:v>
                </c:pt>
                <c:pt idx="1569">
                  <c:v>1569</c:v>
                </c:pt>
                <c:pt idx="1570">
                  <c:v>1570</c:v>
                </c:pt>
                <c:pt idx="1571">
                  <c:v>1571</c:v>
                </c:pt>
                <c:pt idx="1572">
                  <c:v>1572</c:v>
                </c:pt>
                <c:pt idx="1573">
                  <c:v>1573</c:v>
                </c:pt>
                <c:pt idx="1574">
                  <c:v>1574</c:v>
                </c:pt>
                <c:pt idx="1575">
                  <c:v>1575</c:v>
                </c:pt>
                <c:pt idx="1576">
                  <c:v>1576</c:v>
                </c:pt>
                <c:pt idx="1577">
                  <c:v>1577</c:v>
                </c:pt>
                <c:pt idx="1578">
                  <c:v>1578</c:v>
                </c:pt>
                <c:pt idx="1579">
                  <c:v>1579</c:v>
                </c:pt>
                <c:pt idx="1580">
                  <c:v>1580</c:v>
                </c:pt>
                <c:pt idx="1581">
                  <c:v>1581</c:v>
                </c:pt>
                <c:pt idx="1582">
                  <c:v>1582</c:v>
                </c:pt>
                <c:pt idx="1583">
                  <c:v>1583</c:v>
                </c:pt>
                <c:pt idx="1584">
                  <c:v>1584</c:v>
                </c:pt>
                <c:pt idx="1585">
                  <c:v>1585</c:v>
                </c:pt>
                <c:pt idx="1586">
                  <c:v>1586</c:v>
                </c:pt>
                <c:pt idx="1587">
                  <c:v>1587</c:v>
                </c:pt>
                <c:pt idx="1588">
                  <c:v>1588</c:v>
                </c:pt>
                <c:pt idx="1589">
                  <c:v>1589</c:v>
                </c:pt>
                <c:pt idx="1590">
                  <c:v>1590</c:v>
                </c:pt>
                <c:pt idx="1591">
                  <c:v>1591</c:v>
                </c:pt>
                <c:pt idx="1592">
                  <c:v>1592</c:v>
                </c:pt>
                <c:pt idx="1593">
                  <c:v>1593</c:v>
                </c:pt>
                <c:pt idx="1594">
                  <c:v>1594</c:v>
                </c:pt>
                <c:pt idx="1595">
                  <c:v>1595</c:v>
                </c:pt>
                <c:pt idx="1596">
                  <c:v>1596</c:v>
                </c:pt>
                <c:pt idx="1597">
                  <c:v>1597</c:v>
                </c:pt>
                <c:pt idx="1598">
                  <c:v>1598</c:v>
                </c:pt>
                <c:pt idx="1599">
                  <c:v>1599</c:v>
                </c:pt>
                <c:pt idx="1600">
                  <c:v>1600</c:v>
                </c:pt>
                <c:pt idx="1601">
                  <c:v>1601</c:v>
                </c:pt>
                <c:pt idx="1602">
                  <c:v>1602</c:v>
                </c:pt>
                <c:pt idx="1603">
                  <c:v>1603</c:v>
                </c:pt>
                <c:pt idx="1604">
                  <c:v>1604</c:v>
                </c:pt>
                <c:pt idx="1605">
                  <c:v>1605</c:v>
                </c:pt>
                <c:pt idx="1606">
                  <c:v>1606</c:v>
                </c:pt>
                <c:pt idx="1607">
                  <c:v>1607</c:v>
                </c:pt>
                <c:pt idx="1608">
                  <c:v>1608</c:v>
                </c:pt>
                <c:pt idx="1609">
                  <c:v>1609</c:v>
                </c:pt>
                <c:pt idx="1610">
                  <c:v>1610</c:v>
                </c:pt>
                <c:pt idx="1611">
                  <c:v>1611</c:v>
                </c:pt>
                <c:pt idx="1612">
                  <c:v>1612</c:v>
                </c:pt>
                <c:pt idx="1613">
                  <c:v>1613</c:v>
                </c:pt>
                <c:pt idx="1614">
                  <c:v>1614</c:v>
                </c:pt>
                <c:pt idx="1615">
                  <c:v>1615</c:v>
                </c:pt>
                <c:pt idx="1616">
                  <c:v>1616</c:v>
                </c:pt>
                <c:pt idx="1617">
                  <c:v>1617</c:v>
                </c:pt>
                <c:pt idx="1618">
                  <c:v>1618</c:v>
                </c:pt>
                <c:pt idx="1619">
                  <c:v>1619</c:v>
                </c:pt>
                <c:pt idx="1620">
                  <c:v>1620</c:v>
                </c:pt>
                <c:pt idx="1621">
                  <c:v>1621</c:v>
                </c:pt>
                <c:pt idx="1622">
                  <c:v>1622</c:v>
                </c:pt>
                <c:pt idx="1623">
                  <c:v>1623</c:v>
                </c:pt>
                <c:pt idx="1624">
                  <c:v>1624</c:v>
                </c:pt>
                <c:pt idx="1625">
                  <c:v>1625</c:v>
                </c:pt>
                <c:pt idx="1626">
                  <c:v>1626</c:v>
                </c:pt>
                <c:pt idx="1627">
                  <c:v>1627</c:v>
                </c:pt>
                <c:pt idx="1628">
                  <c:v>1628</c:v>
                </c:pt>
                <c:pt idx="1629">
                  <c:v>1629</c:v>
                </c:pt>
                <c:pt idx="1630">
                  <c:v>1630</c:v>
                </c:pt>
                <c:pt idx="1631">
                  <c:v>1631</c:v>
                </c:pt>
                <c:pt idx="1632">
                  <c:v>1632</c:v>
                </c:pt>
                <c:pt idx="1633">
                  <c:v>1633</c:v>
                </c:pt>
                <c:pt idx="1634">
                  <c:v>1634</c:v>
                </c:pt>
                <c:pt idx="1635">
                  <c:v>1635</c:v>
                </c:pt>
                <c:pt idx="1636">
                  <c:v>1636</c:v>
                </c:pt>
                <c:pt idx="1637">
                  <c:v>1637</c:v>
                </c:pt>
                <c:pt idx="1638">
                  <c:v>1638</c:v>
                </c:pt>
                <c:pt idx="1639">
                  <c:v>1639</c:v>
                </c:pt>
                <c:pt idx="1640">
                  <c:v>1640</c:v>
                </c:pt>
                <c:pt idx="1641">
                  <c:v>1641</c:v>
                </c:pt>
                <c:pt idx="1642">
                  <c:v>1642</c:v>
                </c:pt>
                <c:pt idx="1643">
                  <c:v>1643</c:v>
                </c:pt>
                <c:pt idx="1644">
                  <c:v>1644</c:v>
                </c:pt>
                <c:pt idx="1645">
                  <c:v>1645</c:v>
                </c:pt>
                <c:pt idx="1646">
                  <c:v>1646</c:v>
                </c:pt>
                <c:pt idx="1647">
                  <c:v>1647</c:v>
                </c:pt>
                <c:pt idx="1648">
                  <c:v>1648</c:v>
                </c:pt>
                <c:pt idx="1649">
                  <c:v>1649</c:v>
                </c:pt>
                <c:pt idx="1650">
                  <c:v>1650</c:v>
                </c:pt>
                <c:pt idx="1651">
                  <c:v>1651</c:v>
                </c:pt>
                <c:pt idx="1652">
                  <c:v>1652</c:v>
                </c:pt>
                <c:pt idx="1653">
                  <c:v>1653</c:v>
                </c:pt>
                <c:pt idx="1654">
                  <c:v>1654</c:v>
                </c:pt>
                <c:pt idx="1655">
                  <c:v>1655</c:v>
                </c:pt>
                <c:pt idx="1656">
                  <c:v>1656</c:v>
                </c:pt>
                <c:pt idx="1657">
                  <c:v>1657</c:v>
                </c:pt>
                <c:pt idx="1658">
                  <c:v>1658</c:v>
                </c:pt>
                <c:pt idx="1659">
                  <c:v>1659</c:v>
                </c:pt>
                <c:pt idx="1660">
                  <c:v>1660</c:v>
                </c:pt>
                <c:pt idx="1661">
                  <c:v>1661</c:v>
                </c:pt>
                <c:pt idx="1662">
                  <c:v>1662</c:v>
                </c:pt>
                <c:pt idx="1663">
                  <c:v>1663</c:v>
                </c:pt>
                <c:pt idx="1664">
                  <c:v>1664</c:v>
                </c:pt>
                <c:pt idx="1665">
                  <c:v>1665</c:v>
                </c:pt>
                <c:pt idx="1666">
                  <c:v>1666</c:v>
                </c:pt>
                <c:pt idx="1667">
                  <c:v>1667</c:v>
                </c:pt>
                <c:pt idx="1668">
                  <c:v>1668</c:v>
                </c:pt>
                <c:pt idx="1669">
                  <c:v>1669</c:v>
                </c:pt>
                <c:pt idx="1670">
                  <c:v>1670</c:v>
                </c:pt>
                <c:pt idx="1671">
                  <c:v>1671</c:v>
                </c:pt>
                <c:pt idx="1672">
                  <c:v>1672</c:v>
                </c:pt>
                <c:pt idx="1673">
                  <c:v>1673</c:v>
                </c:pt>
                <c:pt idx="1674">
                  <c:v>1674</c:v>
                </c:pt>
                <c:pt idx="1675">
                  <c:v>1675</c:v>
                </c:pt>
                <c:pt idx="1676">
                  <c:v>1676</c:v>
                </c:pt>
                <c:pt idx="1677">
                  <c:v>1677</c:v>
                </c:pt>
                <c:pt idx="1678">
                  <c:v>1678</c:v>
                </c:pt>
                <c:pt idx="1679">
                  <c:v>1679</c:v>
                </c:pt>
                <c:pt idx="1680">
                  <c:v>1680</c:v>
                </c:pt>
                <c:pt idx="1681">
                  <c:v>1681</c:v>
                </c:pt>
                <c:pt idx="1682">
                  <c:v>1682</c:v>
                </c:pt>
                <c:pt idx="1683">
                  <c:v>1683</c:v>
                </c:pt>
                <c:pt idx="1684">
                  <c:v>1684</c:v>
                </c:pt>
                <c:pt idx="1685">
                  <c:v>1685</c:v>
                </c:pt>
                <c:pt idx="1686">
                  <c:v>1686</c:v>
                </c:pt>
                <c:pt idx="1687">
                  <c:v>1687</c:v>
                </c:pt>
                <c:pt idx="1688">
                  <c:v>1688</c:v>
                </c:pt>
                <c:pt idx="1689">
                  <c:v>1689</c:v>
                </c:pt>
                <c:pt idx="1690">
                  <c:v>1690</c:v>
                </c:pt>
                <c:pt idx="1691">
                  <c:v>1691</c:v>
                </c:pt>
                <c:pt idx="1692">
                  <c:v>1692</c:v>
                </c:pt>
                <c:pt idx="1693">
                  <c:v>1693</c:v>
                </c:pt>
                <c:pt idx="1694">
                  <c:v>1694</c:v>
                </c:pt>
                <c:pt idx="1695">
                  <c:v>1695</c:v>
                </c:pt>
                <c:pt idx="1696">
                  <c:v>1696</c:v>
                </c:pt>
                <c:pt idx="1697">
                  <c:v>1697</c:v>
                </c:pt>
                <c:pt idx="1698">
                  <c:v>1698</c:v>
                </c:pt>
                <c:pt idx="1699">
                  <c:v>1699</c:v>
                </c:pt>
                <c:pt idx="1700">
                  <c:v>1700</c:v>
                </c:pt>
                <c:pt idx="1701">
                  <c:v>1701</c:v>
                </c:pt>
                <c:pt idx="1702">
                  <c:v>1702</c:v>
                </c:pt>
                <c:pt idx="1703">
                  <c:v>1703</c:v>
                </c:pt>
                <c:pt idx="1704">
                  <c:v>1704</c:v>
                </c:pt>
                <c:pt idx="1705">
                  <c:v>1705</c:v>
                </c:pt>
                <c:pt idx="1706">
                  <c:v>1706</c:v>
                </c:pt>
                <c:pt idx="1707">
                  <c:v>1707</c:v>
                </c:pt>
                <c:pt idx="1708">
                  <c:v>1708</c:v>
                </c:pt>
                <c:pt idx="1709">
                  <c:v>1709</c:v>
                </c:pt>
                <c:pt idx="1710">
                  <c:v>1710</c:v>
                </c:pt>
                <c:pt idx="1711">
                  <c:v>1711</c:v>
                </c:pt>
                <c:pt idx="1712">
                  <c:v>1712</c:v>
                </c:pt>
                <c:pt idx="1713">
                  <c:v>1713</c:v>
                </c:pt>
                <c:pt idx="1714">
                  <c:v>1714</c:v>
                </c:pt>
                <c:pt idx="1715">
                  <c:v>1715</c:v>
                </c:pt>
                <c:pt idx="1716">
                  <c:v>1716</c:v>
                </c:pt>
                <c:pt idx="1717">
                  <c:v>1717</c:v>
                </c:pt>
                <c:pt idx="1718">
                  <c:v>1718</c:v>
                </c:pt>
                <c:pt idx="1719">
                  <c:v>1719</c:v>
                </c:pt>
                <c:pt idx="1720">
                  <c:v>1720</c:v>
                </c:pt>
                <c:pt idx="1721">
                  <c:v>1721</c:v>
                </c:pt>
                <c:pt idx="1722">
                  <c:v>1722</c:v>
                </c:pt>
                <c:pt idx="1723">
                  <c:v>1723</c:v>
                </c:pt>
                <c:pt idx="1724">
                  <c:v>1724</c:v>
                </c:pt>
                <c:pt idx="1725">
                  <c:v>1725</c:v>
                </c:pt>
                <c:pt idx="1726">
                  <c:v>1726</c:v>
                </c:pt>
                <c:pt idx="1727">
                  <c:v>1727</c:v>
                </c:pt>
                <c:pt idx="1728">
                  <c:v>1728</c:v>
                </c:pt>
                <c:pt idx="1729">
                  <c:v>1729</c:v>
                </c:pt>
                <c:pt idx="1730">
                  <c:v>1730</c:v>
                </c:pt>
                <c:pt idx="1731">
                  <c:v>1731</c:v>
                </c:pt>
                <c:pt idx="1732">
                  <c:v>1732</c:v>
                </c:pt>
                <c:pt idx="1733">
                  <c:v>1733</c:v>
                </c:pt>
                <c:pt idx="1734">
                  <c:v>1734</c:v>
                </c:pt>
                <c:pt idx="1735">
                  <c:v>1735</c:v>
                </c:pt>
                <c:pt idx="1736">
                  <c:v>1736</c:v>
                </c:pt>
                <c:pt idx="1737">
                  <c:v>1737</c:v>
                </c:pt>
                <c:pt idx="1738">
                  <c:v>1738</c:v>
                </c:pt>
                <c:pt idx="1739">
                  <c:v>1739</c:v>
                </c:pt>
                <c:pt idx="1740">
                  <c:v>1740</c:v>
                </c:pt>
                <c:pt idx="1741">
                  <c:v>1741</c:v>
                </c:pt>
                <c:pt idx="1742">
                  <c:v>1742</c:v>
                </c:pt>
                <c:pt idx="1743">
                  <c:v>1743</c:v>
                </c:pt>
                <c:pt idx="1744">
                  <c:v>1744</c:v>
                </c:pt>
                <c:pt idx="1745">
                  <c:v>1745</c:v>
                </c:pt>
                <c:pt idx="1746">
                  <c:v>1746</c:v>
                </c:pt>
                <c:pt idx="1747">
                  <c:v>1747</c:v>
                </c:pt>
                <c:pt idx="1748">
                  <c:v>1748</c:v>
                </c:pt>
                <c:pt idx="1749">
                  <c:v>1749</c:v>
                </c:pt>
                <c:pt idx="1750">
                  <c:v>1750</c:v>
                </c:pt>
                <c:pt idx="1751">
                  <c:v>1751</c:v>
                </c:pt>
                <c:pt idx="1752">
                  <c:v>1752</c:v>
                </c:pt>
                <c:pt idx="1753">
                  <c:v>1753</c:v>
                </c:pt>
                <c:pt idx="1754">
                  <c:v>1754</c:v>
                </c:pt>
                <c:pt idx="1755">
                  <c:v>1755</c:v>
                </c:pt>
                <c:pt idx="1756">
                  <c:v>1756</c:v>
                </c:pt>
                <c:pt idx="1757">
                  <c:v>1757</c:v>
                </c:pt>
                <c:pt idx="1758">
                  <c:v>1758</c:v>
                </c:pt>
                <c:pt idx="1759">
                  <c:v>1759</c:v>
                </c:pt>
                <c:pt idx="1760">
                  <c:v>1760</c:v>
                </c:pt>
                <c:pt idx="1761">
                  <c:v>1761</c:v>
                </c:pt>
                <c:pt idx="1762">
                  <c:v>1762</c:v>
                </c:pt>
                <c:pt idx="1763">
                  <c:v>1763</c:v>
                </c:pt>
                <c:pt idx="1764">
                  <c:v>1764</c:v>
                </c:pt>
                <c:pt idx="1765">
                  <c:v>1765</c:v>
                </c:pt>
                <c:pt idx="1766">
                  <c:v>1766</c:v>
                </c:pt>
                <c:pt idx="1767">
                  <c:v>1767</c:v>
                </c:pt>
                <c:pt idx="1768">
                  <c:v>1768</c:v>
                </c:pt>
                <c:pt idx="1769">
                  <c:v>1769</c:v>
                </c:pt>
                <c:pt idx="1770">
                  <c:v>1770</c:v>
                </c:pt>
                <c:pt idx="1771">
                  <c:v>1771</c:v>
                </c:pt>
                <c:pt idx="1772">
                  <c:v>1772</c:v>
                </c:pt>
                <c:pt idx="1773">
                  <c:v>1773</c:v>
                </c:pt>
                <c:pt idx="1774">
                  <c:v>1774</c:v>
                </c:pt>
                <c:pt idx="1775">
                  <c:v>1775</c:v>
                </c:pt>
                <c:pt idx="1776">
                  <c:v>1776</c:v>
                </c:pt>
                <c:pt idx="1777">
                  <c:v>1777</c:v>
                </c:pt>
                <c:pt idx="1778">
                  <c:v>1778</c:v>
                </c:pt>
                <c:pt idx="1779">
                  <c:v>1779</c:v>
                </c:pt>
                <c:pt idx="1780">
                  <c:v>1780</c:v>
                </c:pt>
                <c:pt idx="1781">
                  <c:v>1781</c:v>
                </c:pt>
                <c:pt idx="1782">
                  <c:v>1782</c:v>
                </c:pt>
                <c:pt idx="1783">
                  <c:v>1783</c:v>
                </c:pt>
                <c:pt idx="1784">
                  <c:v>1784</c:v>
                </c:pt>
                <c:pt idx="1785">
                  <c:v>1785</c:v>
                </c:pt>
                <c:pt idx="1786">
                  <c:v>1786</c:v>
                </c:pt>
                <c:pt idx="1787">
                  <c:v>1787</c:v>
                </c:pt>
                <c:pt idx="1788">
                  <c:v>1788</c:v>
                </c:pt>
                <c:pt idx="1789">
                  <c:v>1789</c:v>
                </c:pt>
                <c:pt idx="1790">
                  <c:v>1790</c:v>
                </c:pt>
                <c:pt idx="1791">
                  <c:v>1791</c:v>
                </c:pt>
                <c:pt idx="1792">
                  <c:v>1792</c:v>
                </c:pt>
                <c:pt idx="1793">
                  <c:v>1793</c:v>
                </c:pt>
                <c:pt idx="1794">
                  <c:v>1794</c:v>
                </c:pt>
                <c:pt idx="1795">
                  <c:v>1795</c:v>
                </c:pt>
                <c:pt idx="1796">
                  <c:v>1796</c:v>
                </c:pt>
                <c:pt idx="1797">
                  <c:v>1797</c:v>
                </c:pt>
                <c:pt idx="1798">
                  <c:v>1798</c:v>
                </c:pt>
                <c:pt idx="1799">
                  <c:v>1799</c:v>
                </c:pt>
              </c:numCache>
            </c:numRef>
          </c:xVal>
          <c:yVal>
            <c:numRef>
              <c:f>'30Outside'!$B$2:$B$1801</c:f>
              <c:numCache>
                <c:formatCode>General</c:formatCode>
                <c:ptCount val="1800"/>
                <c:pt idx="0">
                  <c:v>20.5</c:v>
                </c:pt>
                <c:pt idx="1">
                  <c:v>19.2</c:v>
                </c:pt>
                <c:pt idx="2">
                  <c:v>19.100000000000001</c:v>
                </c:pt>
                <c:pt idx="3">
                  <c:v>19</c:v>
                </c:pt>
                <c:pt idx="4">
                  <c:v>18.8</c:v>
                </c:pt>
                <c:pt idx="5">
                  <c:v>18.600000000000001</c:v>
                </c:pt>
                <c:pt idx="6">
                  <c:v>18.399999999999999</c:v>
                </c:pt>
                <c:pt idx="7">
                  <c:v>18.2</c:v>
                </c:pt>
                <c:pt idx="8">
                  <c:v>18</c:v>
                </c:pt>
                <c:pt idx="9">
                  <c:v>17.7</c:v>
                </c:pt>
                <c:pt idx="10">
                  <c:v>17.5</c:v>
                </c:pt>
                <c:pt idx="11">
                  <c:v>17.3</c:v>
                </c:pt>
                <c:pt idx="12">
                  <c:v>17.100000000000001</c:v>
                </c:pt>
                <c:pt idx="13">
                  <c:v>17</c:v>
                </c:pt>
                <c:pt idx="14">
                  <c:v>16.8</c:v>
                </c:pt>
                <c:pt idx="15">
                  <c:v>16.7</c:v>
                </c:pt>
                <c:pt idx="16">
                  <c:v>16.600000000000001</c:v>
                </c:pt>
                <c:pt idx="17">
                  <c:v>16.399999999999999</c:v>
                </c:pt>
                <c:pt idx="18">
                  <c:v>16.3</c:v>
                </c:pt>
                <c:pt idx="19">
                  <c:v>16.2</c:v>
                </c:pt>
                <c:pt idx="20">
                  <c:v>16.100000000000001</c:v>
                </c:pt>
                <c:pt idx="21">
                  <c:v>16</c:v>
                </c:pt>
                <c:pt idx="22">
                  <c:v>15.9</c:v>
                </c:pt>
                <c:pt idx="23">
                  <c:v>15.8</c:v>
                </c:pt>
                <c:pt idx="24">
                  <c:v>15.7</c:v>
                </c:pt>
                <c:pt idx="25">
                  <c:v>15.6</c:v>
                </c:pt>
                <c:pt idx="26">
                  <c:v>15.5</c:v>
                </c:pt>
                <c:pt idx="27">
                  <c:v>15.4</c:v>
                </c:pt>
                <c:pt idx="28">
                  <c:v>15.3</c:v>
                </c:pt>
                <c:pt idx="29">
                  <c:v>15.1</c:v>
                </c:pt>
                <c:pt idx="30">
                  <c:v>15</c:v>
                </c:pt>
                <c:pt idx="31">
                  <c:v>14.9</c:v>
                </c:pt>
                <c:pt idx="32">
                  <c:v>14.7</c:v>
                </c:pt>
                <c:pt idx="33">
                  <c:v>14.6</c:v>
                </c:pt>
                <c:pt idx="34">
                  <c:v>14.5</c:v>
                </c:pt>
                <c:pt idx="35">
                  <c:v>14.3</c:v>
                </c:pt>
                <c:pt idx="36">
                  <c:v>14.2</c:v>
                </c:pt>
                <c:pt idx="37">
                  <c:v>14.1</c:v>
                </c:pt>
                <c:pt idx="38">
                  <c:v>13.9</c:v>
                </c:pt>
                <c:pt idx="39">
                  <c:v>13.7</c:v>
                </c:pt>
                <c:pt idx="40">
                  <c:v>13.6</c:v>
                </c:pt>
                <c:pt idx="41">
                  <c:v>13.5</c:v>
                </c:pt>
                <c:pt idx="42">
                  <c:v>13.4</c:v>
                </c:pt>
                <c:pt idx="43">
                  <c:v>13.3</c:v>
                </c:pt>
                <c:pt idx="44">
                  <c:v>13.2</c:v>
                </c:pt>
                <c:pt idx="45">
                  <c:v>13.1</c:v>
                </c:pt>
                <c:pt idx="46">
                  <c:v>12.9</c:v>
                </c:pt>
                <c:pt idx="47">
                  <c:v>12.9</c:v>
                </c:pt>
                <c:pt idx="48">
                  <c:v>12.8</c:v>
                </c:pt>
                <c:pt idx="49">
                  <c:v>12.7</c:v>
                </c:pt>
                <c:pt idx="50">
                  <c:v>12.5</c:v>
                </c:pt>
                <c:pt idx="51">
                  <c:v>12.5</c:v>
                </c:pt>
                <c:pt idx="52">
                  <c:v>12.4</c:v>
                </c:pt>
                <c:pt idx="53">
                  <c:v>12.4</c:v>
                </c:pt>
                <c:pt idx="54">
                  <c:v>12.2</c:v>
                </c:pt>
                <c:pt idx="55">
                  <c:v>12.2</c:v>
                </c:pt>
                <c:pt idx="56">
                  <c:v>12.1</c:v>
                </c:pt>
                <c:pt idx="57">
                  <c:v>12</c:v>
                </c:pt>
                <c:pt idx="58">
                  <c:v>11.9</c:v>
                </c:pt>
                <c:pt idx="59">
                  <c:v>11.9</c:v>
                </c:pt>
                <c:pt idx="60">
                  <c:v>11.8</c:v>
                </c:pt>
                <c:pt idx="61">
                  <c:v>11.8</c:v>
                </c:pt>
                <c:pt idx="62">
                  <c:v>11.7</c:v>
                </c:pt>
                <c:pt idx="63">
                  <c:v>11.7</c:v>
                </c:pt>
                <c:pt idx="64">
                  <c:v>11.6</c:v>
                </c:pt>
                <c:pt idx="65">
                  <c:v>11.6</c:v>
                </c:pt>
                <c:pt idx="66">
                  <c:v>11.5</c:v>
                </c:pt>
                <c:pt idx="67">
                  <c:v>11.4</c:v>
                </c:pt>
                <c:pt idx="68">
                  <c:v>11.4</c:v>
                </c:pt>
                <c:pt idx="69">
                  <c:v>11.3</c:v>
                </c:pt>
                <c:pt idx="70">
                  <c:v>11.2</c:v>
                </c:pt>
                <c:pt idx="71">
                  <c:v>11.2</c:v>
                </c:pt>
                <c:pt idx="72">
                  <c:v>11.1</c:v>
                </c:pt>
                <c:pt idx="73">
                  <c:v>11.1</c:v>
                </c:pt>
                <c:pt idx="74">
                  <c:v>11</c:v>
                </c:pt>
                <c:pt idx="75">
                  <c:v>11</c:v>
                </c:pt>
                <c:pt idx="76">
                  <c:v>10.9</c:v>
                </c:pt>
                <c:pt idx="77">
                  <c:v>10.9</c:v>
                </c:pt>
                <c:pt idx="78">
                  <c:v>10.8</c:v>
                </c:pt>
                <c:pt idx="79">
                  <c:v>10.8</c:v>
                </c:pt>
                <c:pt idx="80">
                  <c:v>10.7</c:v>
                </c:pt>
                <c:pt idx="81">
                  <c:v>10.6</c:v>
                </c:pt>
                <c:pt idx="82">
                  <c:v>10.5</c:v>
                </c:pt>
                <c:pt idx="83">
                  <c:v>10.5</c:v>
                </c:pt>
                <c:pt idx="84">
                  <c:v>10.4</c:v>
                </c:pt>
                <c:pt idx="85">
                  <c:v>10.4</c:v>
                </c:pt>
                <c:pt idx="86">
                  <c:v>10.3</c:v>
                </c:pt>
                <c:pt idx="87">
                  <c:v>10.199999999999999</c:v>
                </c:pt>
                <c:pt idx="88">
                  <c:v>10.1</c:v>
                </c:pt>
                <c:pt idx="89">
                  <c:v>10.1</c:v>
                </c:pt>
                <c:pt idx="90">
                  <c:v>10</c:v>
                </c:pt>
                <c:pt idx="91">
                  <c:v>9.9</c:v>
                </c:pt>
                <c:pt idx="92">
                  <c:v>9.9</c:v>
                </c:pt>
                <c:pt idx="93">
                  <c:v>9.8000000000000007</c:v>
                </c:pt>
                <c:pt idx="94">
                  <c:v>9.8000000000000007</c:v>
                </c:pt>
                <c:pt idx="95">
                  <c:v>9.6999999999999993</c:v>
                </c:pt>
                <c:pt idx="96">
                  <c:v>9.6999999999999993</c:v>
                </c:pt>
                <c:pt idx="97">
                  <c:v>9.6999999999999993</c:v>
                </c:pt>
                <c:pt idx="98">
                  <c:v>9.6</c:v>
                </c:pt>
                <c:pt idx="99">
                  <c:v>9.6</c:v>
                </c:pt>
                <c:pt idx="100">
                  <c:v>9.5</c:v>
                </c:pt>
                <c:pt idx="101">
                  <c:v>9.5</c:v>
                </c:pt>
                <c:pt idx="102">
                  <c:v>9.4</c:v>
                </c:pt>
                <c:pt idx="103">
                  <c:v>9.4</c:v>
                </c:pt>
                <c:pt idx="104">
                  <c:v>9.4</c:v>
                </c:pt>
                <c:pt idx="105">
                  <c:v>9.3000000000000007</c:v>
                </c:pt>
                <c:pt idx="106">
                  <c:v>9.3000000000000007</c:v>
                </c:pt>
                <c:pt idx="107">
                  <c:v>9.1999999999999993</c:v>
                </c:pt>
                <c:pt idx="108">
                  <c:v>9.1999999999999993</c:v>
                </c:pt>
                <c:pt idx="109">
                  <c:v>9.1</c:v>
                </c:pt>
                <c:pt idx="110">
                  <c:v>9.1</c:v>
                </c:pt>
                <c:pt idx="111">
                  <c:v>9</c:v>
                </c:pt>
                <c:pt idx="112">
                  <c:v>9</c:v>
                </c:pt>
                <c:pt idx="113">
                  <c:v>8.9</c:v>
                </c:pt>
                <c:pt idx="114">
                  <c:v>8.8000000000000007</c:v>
                </c:pt>
                <c:pt idx="115">
                  <c:v>8.6999999999999993</c:v>
                </c:pt>
                <c:pt idx="116">
                  <c:v>8.6999999999999993</c:v>
                </c:pt>
                <c:pt idx="117">
                  <c:v>8.6</c:v>
                </c:pt>
                <c:pt idx="118">
                  <c:v>8.5</c:v>
                </c:pt>
                <c:pt idx="119">
                  <c:v>8.4</c:v>
                </c:pt>
                <c:pt idx="120">
                  <c:v>8.4</c:v>
                </c:pt>
                <c:pt idx="121">
                  <c:v>8.3000000000000007</c:v>
                </c:pt>
                <c:pt idx="122">
                  <c:v>8.3000000000000007</c:v>
                </c:pt>
                <c:pt idx="123">
                  <c:v>8.1999999999999993</c:v>
                </c:pt>
                <c:pt idx="124">
                  <c:v>8.1999999999999993</c:v>
                </c:pt>
                <c:pt idx="125">
                  <c:v>8.1</c:v>
                </c:pt>
                <c:pt idx="126">
                  <c:v>8</c:v>
                </c:pt>
                <c:pt idx="127">
                  <c:v>8</c:v>
                </c:pt>
                <c:pt idx="128">
                  <c:v>8</c:v>
                </c:pt>
                <c:pt idx="129">
                  <c:v>7.9</c:v>
                </c:pt>
                <c:pt idx="130">
                  <c:v>7.9</c:v>
                </c:pt>
                <c:pt idx="131">
                  <c:v>7.8</c:v>
                </c:pt>
                <c:pt idx="132">
                  <c:v>7.8</c:v>
                </c:pt>
                <c:pt idx="133">
                  <c:v>7.8</c:v>
                </c:pt>
                <c:pt idx="134">
                  <c:v>7.7</c:v>
                </c:pt>
                <c:pt idx="135">
                  <c:v>7.7</c:v>
                </c:pt>
                <c:pt idx="136">
                  <c:v>7.7</c:v>
                </c:pt>
                <c:pt idx="137">
                  <c:v>7.6</c:v>
                </c:pt>
                <c:pt idx="138">
                  <c:v>7.6</c:v>
                </c:pt>
                <c:pt idx="139">
                  <c:v>7.5</c:v>
                </c:pt>
                <c:pt idx="140">
                  <c:v>7.5</c:v>
                </c:pt>
                <c:pt idx="141">
                  <c:v>7.5</c:v>
                </c:pt>
                <c:pt idx="142">
                  <c:v>7.4</c:v>
                </c:pt>
                <c:pt idx="143">
                  <c:v>7.4</c:v>
                </c:pt>
                <c:pt idx="144">
                  <c:v>7.4</c:v>
                </c:pt>
                <c:pt idx="145">
                  <c:v>7.3</c:v>
                </c:pt>
                <c:pt idx="146">
                  <c:v>7.3</c:v>
                </c:pt>
                <c:pt idx="147">
                  <c:v>7.2</c:v>
                </c:pt>
                <c:pt idx="148">
                  <c:v>7.2</c:v>
                </c:pt>
                <c:pt idx="149">
                  <c:v>7.1</c:v>
                </c:pt>
                <c:pt idx="150">
                  <c:v>7.1</c:v>
                </c:pt>
                <c:pt idx="151">
                  <c:v>7.1</c:v>
                </c:pt>
                <c:pt idx="152">
                  <c:v>7.1</c:v>
                </c:pt>
                <c:pt idx="153">
                  <c:v>7</c:v>
                </c:pt>
                <c:pt idx="154">
                  <c:v>7</c:v>
                </c:pt>
                <c:pt idx="155">
                  <c:v>6.9</c:v>
                </c:pt>
                <c:pt idx="156">
                  <c:v>6.9</c:v>
                </c:pt>
                <c:pt idx="157">
                  <c:v>6.9</c:v>
                </c:pt>
                <c:pt idx="158">
                  <c:v>6.9</c:v>
                </c:pt>
                <c:pt idx="159">
                  <c:v>6.9</c:v>
                </c:pt>
                <c:pt idx="160">
                  <c:v>6.8</c:v>
                </c:pt>
                <c:pt idx="161">
                  <c:v>6.8</c:v>
                </c:pt>
                <c:pt idx="162">
                  <c:v>6.8</c:v>
                </c:pt>
                <c:pt idx="163">
                  <c:v>6.7</c:v>
                </c:pt>
                <c:pt idx="164">
                  <c:v>6.7</c:v>
                </c:pt>
                <c:pt idx="165">
                  <c:v>6.7</c:v>
                </c:pt>
                <c:pt idx="166">
                  <c:v>6.7</c:v>
                </c:pt>
                <c:pt idx="167">
                  <c:v>6.7</c:v>
                </c:pt>
                <c:pt idx="168">
                  <c:v>6.6</c:v>
                </c:pt>
                <c:pt idx="169">
                  <c:v>6.6</c:v>
                </c:pt>
                <c:pt idx="170">
                  <c:v>6.6</c:v>
                </c:pt>
                <c:pt idx="171">
                  <c:v>6.6</c:v>
                </c:pt>
                <c:pt idx="172">
                  <c:v>6.6</c:v>
                </c:pt>
                <c:pt idx="173">
                  <c:v>6.5</c:v>
                </c:pt>
                <c:pt idx="174">
                  <c:v>6.5</c:v>
                </c:pt>
                <c:pt idx="175">
                  <c:v>6.5</c:v>
                </c:pt>
                <c:pt idx="176">
                  <c:v>6.5</c:v>
                </c:pt>
                <c:pt idx="177">
                  <c:v>6.5</c:v>
                </c:pt>
                <c:pt idx="178">
                  <c:v>6.5</c:v>
                </c:pt>
                <c:pt idx="179">
                  <c:v>6.4</c:v>
                </c:pt>
                <c:pt idx="180">
                  <c:v>6.4</c:v>
                </c:pt>
                <c:pt idx="181">
                  <c:v>6.4</c:v>
                </c:pt>
                <c:pt idx="182">
                  <c:v>6.3</c:v>
                </c:pt>
                <c:pt idx="183">
                  <c:v>6.3</c:v>
                </c:pt>
                <c:pt idx="184">
                  <c:v>6.3</c:v>
                </c:pt>
                <c:pt idx="185">
                  <c:v>6.3</c:v>
                </c:pt>
                <c:pt idx="186">
                  <c:v>6.2</c:v>
                </c:pt>
                <c:pt idx="187">
                  <c:v>6.2</c:v>
                </c:pt>
                <c:pt idx="188">
                  <c:v>6.2</c:v>
                </c:pt>
                <c:pt idx="189">
                  <c:v>6.1</c:v>
                </c:pt>
                <c:pt idx="190">
                  <c:v>6.1</c:v>
                </c:pt>
                <c:pt idx="191">
                  <c:v>6</c:v>
                </c:pt>
                <c:pt idx="192">
                  <c:v>6</c:v>
                </c:pt>
                <c:pt idx="193">
                  <c:v>6</c:v>
                </c:pt>
                <c:pt idx="194">
                  <c:v>5.9</c:v>
                </c:pt>
                <c:pt idx="195">
                  <c:v>5.9</c:v>
                </c:pt>
                <c:pt idx="196">
                  <c:v>5.9</c:v>
                </c:pt>
                <c:pt idx="197">
                  <c:v>5.9</c:v>
                </c:pt>
                <c:pt idx="198">
                  <c:v>5.8</c:v>
                </c:pt>
                <c:pt idx="199">
                  <c:v>5.8</c:v>
                </c:pt>
                <c:pt idx="200">
                  <c:v>5.8</c:v>
                </c:pt>
                <c:pt idx="201">
                  <c:v>5.8</c:v>
                </c:pt>
                <c:pt idx="202">
                  <c:v>5.8</c:v>
                </c:pt>
                <c:pt idx="203">
                  <c:v>5.7</c:v>
                </c:pt>
                <c:pt idx="204">
                  <c:v>5.7</c:v>
                </c:pt>
                <c:pt idx="205">
                  <c:v>5.7</c:v>
                </c:pt>
                <c:pt idx="206">
                  <c:v>5.7</c:v>
                </c:pt>
                <c:pt idx="207">
                  <c:v>5.6</c:v>
                </c:pt>
                <c:pt idx="208">
                  <c:v>5.6</c:v>
                </c:pt>
                <c:pt idx="209">
                  <c:v>5.6</c:v>
                </c:pt>
                <c:pt idx="210">
                  <c:v>5.5</c:v>
                </c:pt>
                <c:pt idx="211">
                  <c:v>5.5</c:v>
                </c:pt>
                <c:pt idx="212">
                  <c:v>5.5</c:v>
                </c:pt>
                <c:pt idx="213">
                  <c:v>5.4</c:v>
                </c:pt>
                <c:pt idx="214">
                  <c:v>5.4</c:v>
                </c:pt>
                <c:pt idx="215">
                  <c:v>5.4</c:v>
                </c:pt>
                <c:pt idx="216">
                  <c:v>5.3</c:v>
                </c:pt>
                <c:pt idx="217">
                  <c:v>5.3</c:v>
                </c:pt>
                <c:pt idx="218">
                  <c:v>5.3</c:v>
                </c:pt>
                <c:pt idx="219">
                  <c:v>5.3</c:v>
                </c:pt>
                <c:pt idx="220">
                  <c:v>5.2</c:v>
                </c:pt>
                <c:pt idx="221">
                  <c:v>5.2</c:v>
                </c:pt>
                <c:pt idx="222">
                  <c:v>5.2</c:v>
                </c:pt>
                <c:pt idx="223">
                  <c:v>5.0999999999999996</c:v>
                </c:pt>
                <c:pt idx="224">
                  <c:v>5.0999999999999996</c:v>
                </c:pt>
                <c:pt idx="225">
                  <c:v>5.0999999999999996</c:v>
                </c:pt>
                <c:pt idx="226">
                  <c:v>5.0999999999999996</c:v>
                </c:pt>
                <c:pt idx="227">
                  <c:v>5</c:v>
                </c:pt>
                <c:pt idx="228">
                  <c:v>5</c:v>
                </c:pt>
                <c:pt idx="229">
                  <c:v>5</c:v>
                </c:pt>
                <c:pt idx="230">
                  <c:v>5</c:v>
                </c:pt>
                <c:pt idx="231">
                  <c:v>4.9000000000000004</c:v>
                </c:pt>
                <c:pt idx="232">
                  <c:v>4.9000000000000004</c:v>
                </c:pt>
                <c:pt idx="233">
                  <c:v>4.9000000000000004</c:v>
                </c:pt>
                <c:pt idx="234">
                  <c:v>4.9000000000000004</c:v>
                </c:pt>
                <c:pt idx="235">
                  <c:v>4.8</c:v>
                </c:pt>
                <c:pt idx="236">
                  <c:v>4.8</c:v>
                </c:pt>
                <c:pt idx="237">
                  <c:v>4.8</c:v>
                </c:pt>
                <c:pt idx="238">
                  <c:v>4.8</c:v>
                </c:pt>
                <c:pt idx="239">
                  <c:v>4.8</c:v>
                </c:pt>
                <c:pt idx="240">
                  <c:v>4.7</c:v>
                </c:pt>
                <c:pt idx="241">
                  <c:v>4.7</c:v>
                </c:pt>
                <c:pt idx="242">
                  <c:v>4.7</c:v>
                </c:pt>
                <c:pt idx="243">
                  <c:v>4.5999999999999996</c:v>
                </c:pt>
                <c:pt idx="244">
                  <c:v>4.5999999999999996</c:v>
                </c:pt>
                <c:pt idx="245">
                  <c:v>4.5999999999999996</c:v>
                </c:pt>
                <c:pt idx="246">
                  <c:v>4.5</c:v>
                </c:pt>
                <c:pt idx="247">
                  <c:v>4.5</c:v>
                </c:pt>
                <c:pt idx="248">
                  <c:v>4.5</c:v>
                </c:pt>
                <c:pt idx="249">
                  <c:v>4.5</c:v>
                </c:pt>
                <c:pt idx="250">
                  <c:v>4.5</c:v>
                </c:pt>
                <c:pt idx="251">
                  <c:v>4.4000000000000004</c:v>
                </c:pt>
                <c:pt idx="252">
                  <c:v>4.4000000000000004</c:v>
                </c:pt>
                <c:pt idx="253">
                  <c:v>4.4000000000000004</c:v>
                </c:pt>
                <c:pt idx="254">
                  <c:v>4.4000000000000004</c:v>
                </c:pt>
                <c:pt idx="255">
                  <c:v>4.4000000000000004</c:v>
                </c:pt>
                <c:pt idx="256">
                  <c:v>4.3</c:v>
                </c:pt>
                <c:pt idx="257">
                  <c:v>4.3</c:v>
                </c:pt>
                <c:pt idx="258">
                  <c:v>4.3</c:v>
                </c:pt>
                <c:pt idx="259">
                  <c:v>4.3</c:v>
                </c:pt>
                <c:pt idx="260">
                  <c:v>4.3</c:v>
                </c:pt>
                <c:pt idx="261">
                  <c:v>4.3</c:v>
                </c:pt>
                <c:pt idx="262">
                  <c:v>4.2</c:v>
                </c:pt>
                <c:pt idx="263">
                  <c:v>4.2</c:v>
                </c:pt>
                <c:pt idx="264">
                  <c:v>4.2</c:v>
                </c:pt>
                <c:pt idx="265">
                  <c:v>4.2</c:v>
                </c:pt>
                <c:pt idx="266">
                  <c:v>4.0999999999999996</c:v>
                </c:pt>
                <c:pt idx="267">
                  <c:v>4.0999999999999996</c:v>
                </c:pt>
                <c:pt idx="268">
                  <c:v>4.0999999999999996</c:v>
                </c:pt>
                <c:pt idx="269">
                  <c:v>4.0999999999999996</c:v>
                </c:pt>
                <c:pt idx="270">
                  <c:v>4.0999999999999996</c:v>
                </c:pt>
                <c:pt idx="271">
                  <c:v>4</c:v>
                </c:pt>
                <c:pt idx="272">
                  <c:v>4</c:v>
                </c:pt>
                <c:pt idx="273">
                  <c:v>3.9</c:v>
                </c:pt>
                <c:pt idx="274">
                  <c:v>3.9</c:v>
                </c:pt>
                <c:pt idx="275">
                  <c:v>3.9</c:v>
                </c:pt>
                <c:pt idx="276">
                  <c:v>3.8</c:v>
                </c:pt>
                <c:pt idx="277">
                  <c:v>3.8</c:v>
                </c:pt>
                <c:pt idx="278">
                  <c:v>3.8</c:v>
                </c:pt>
                <c:pt idx="279">
                  <c:v>3.8</c:v>
                </c:pt>
                <c:pt idx="280">
                  <c:v>3.8</c:v>
                </c:pt>
                <c:pt idx="281">
                  <c:v>3.7</c:v>
                </c:pt>
                <c:pt idx="282">
                  <c:v>3.7</c:v>
                </c:pt>
                <c:pt idx="283">
                  <c:v>3.7</c:v>
                </c:pt>
                <c:pt idx="284">
                  <c:v>3.7</c:v>
                </c:pt>
                <c:pt idx="285">
                  <c:v>3.7</c:v>
                </c:pt>
                <c:pt idx="286">
                  <c:v>3.6</c:v>
                </c:pt>
                <c:pt idx="287">
                  <c:v>3.6</c:v>
                </c:pt>
                <c:pt idx="288">
                  <c:v>3.6</c:v>
                </c:pt>
                <c:pt idx="289">
                  <c:v>3.6</c:v>
                </c:pt>
                <c:pt idx="290">
                  <c:v>3.6</c:v>
                </c:pt>
                <c:pt idx="291">
                  <c:v>3.5</c:v>
                </c:pt>
                <c:pt idx="292">
                  <c:v>3.5</c:v>
                </c:pt>
                <c:pt idx="293">
                  <c:v>3.5</c:v>
                </c:pt>
                <c:pt idx="294">
                  <c:v>3.5</c:v>
                </c:pt>
                <c:pt idx="295">
                  <c:v>3.5</c:v>
                </c:pt>
                <c:pt idx="296">
                  <c:v>3.4</c:v>
                </c:pt>
                <c:pt idx="297">
                  <c:v>3.4</c:v>
                </c:pt>
                <c:pt idx="298">
                  <c:v>3.4</c:v>
                </c:pt>
                <c:pt idx="299">
                  <c:v>3.3</c:v>
                </c:pt>
                <c:pt idx="300">
                  <c:v>3.3</c:v>
                </c:pt>
                <c:pt idx="301">
                  <c:v>3.3</c:v>
                </c:pt>
                <c:pt idx="302">
                  <c:v>3.3</c:v>
                </c:pt>
                <c:pt idx="303">
                  <c:v>3.3</c:v>
                </c:pt>
                <c:pt idx="304">
                  <c:v>3.2</c:v>
                </c:pt>
                <c:pt idx="305">
                  <c:v>3.2</c:v>
                </c:pt>
                <c:pt idx="306">
                  <c:v>3.2</c:v>
                </c:pt>
                <c:pt idx="307">
                  <c:v>3.2</c:v>
                </c:pt>
                <c:pt idx="308">
                  <c:v>3.2</c:v>
                </c:pt>
                <c:pt idx="309">
                  <c:v>3.1</c:v>
                </c:pt>
                <c:pt idx="310">
                  <c:v>3.1</c:v>
                </c:pt>
                <c:pt idx="311">
                  <c:v>3.1</c:v>
                </c:pt>
                <c:pt idx="312">
                  <c:v>3.1</c:v>
                </c:pt>
                <c:pt idx="313">
                  <c:v>3.1</c:v>
                </c:pt>
                <c:pt idx="314">
                  <c:v>3.1</c:v>
                </c:pt>
                <c:pt idx="315">
                  <c:v>3.1</c:v>
                </c:pt>
                <c:pt idx="316">
                  <c:v>3.1</c:v>
                </c:pt>
                <c:pt idx="317">
                  <c:v>3</c:v>
                </c:pt>
                <c:pt idx="318">
                  <c:v>3</c:v>
                </c:pt>
                <c:pt idx="319">
                  <c:v>3</c:v>
                </c:pt>
                <c:pt idx="320">
                  <c:v>3</c:v>
                </c:pt>
                <c:pt idx="321">
                  <c:v>3</c:v>
                </c:pt>
                <c:pt idx="322">
                  <c:v>3</c:v>
                </c:pt>
                <c:pt idx="323">
                  <c:v>3</c:v>
                </c:pt>
                <c:pt idx="324">
                  <c:v>2.9</c:v>
                </c:pt>
                <c:pt idx="325">
                  <c:v>2.9</c:v>
                </c:pt>
                <c:pt idx="326">
                  <c:v>2.9</c:v>
                </c:pt>
                <c:pt idx="327">
                  <c:v>2.9</c:v>
                </c:pt>
                <c:pt idx="328">
                  <c:v>2.9</c:v>
                </c:pt>
                <c:pt idx="329">
                  <c:v>2.9</c:v>
                </c:pt>
                <c:pt idx="330">
                  <c:v>2.8</c:v>
                </c:pt>
                <c:pt idx="331">
                  <c:v>2.8</c:v>
                </c:pt>
                <c:pt idx="332">
                  <c:v>2.7</c:v>
                </c:pt>
                <c:pt idx="333">
                  <c:v>2.7</c:v>
                </c:pt>
                <c:pt idx="334">
                  <c:v>2.7</c:v>
                </c:pt>
                <c:pt idx="335">
                  <c:v>2.6</c:v>
                </c:pt>
                <c:pt idx="336">
                  <c:v>2.6</c:v>
                </c:pt>
                <c:pt idx="337">
                  <c:v>2.6</c:v>
                </c:pt>
                <c:pt idx="338">
                  <c:v>2.5</c:v>
                </c:pt>
                <c:pt idx="339">
                  <c:v>2.5</c:v>
                </c:pt>
                <c:pt idx="340">
                  <c:v>2.5</c:v>
                </c:pt>
                <c:pt idx="341">
                  <c:v>2.5</c:v>
                </c:pt>
                <c:pt idx="342">
                  <c:v>2.4</c:v>
                </c:pt>
                <c:pt idx="343">
                  <c:v>2.4</c:v>
                </c:pt>
                <c:pt idx="344">
                  <c:v>2.4</c:v>
                </c:pt>
                <c:pt idx="345">
                  <c:v>2.4</c:v>
                </c:pt>
                <c:pt idx="346">
                  <c:v>2.2999999999999998</c:v>
                </c:pt>
                <c:pt idx="347">
                  <c:v>2.2999999999999998</c:v>
                </c:pt>
                <c:pt idx="348">
                  <c:v>2.2999999999999998</c:v>
                </c:pt>
                <c:pt idx="349">
                  <c:v>2.2999999999999998</c:v>
                </c:pt>
                <c:pt idx="350">
                  <c:v>2.2999999999999998</c:v>
                </c:pt>
                <c:pt idx="351">
                  <c:v>2.2999999999999998</c:v>
                </c:pt>
                <c:pt idx="352">
                  <c:v>2.2999999999999998</c:v>
                </c:pt>
                <c:pt idx="353">
                  <c:v>2.2999999999999998</c:v>
                </c:pt>
                <c:pt idx="354">
                  <c:v>2.2000000000000002</c:v>
                </c:pt>
                <c:pt idx="355">
                  <c:v>2.2000000000000002</c:v>
                </c:pt>
                <c:pt idx="356">
                  <c:v>2.2000000000000002</c:v>
                </c:pt>
                <c:pt idx="357">
                  <c:v>2.2000000000000002</c:v>
                </c:pt>
                <c:pt idx="358">
                  <c:v>2.2000000000000002</c:v>
                </c:pt>
                <c:pt idx="359">
                  <c:v>2.2000000000000002</c:v>
                </c:pt>
                <c:pt idx="360">
                  <c:v>2.2000000000000002</c:v>
                </c:pt>
                <c:pt idx="361">
                  <c:v>2.2000000000000002</c:v>
                </c:pt>
                <c:pt idx="362">
                  <c:v>2.2000000000000002</c:v>
                </c:pt>
                <c:pt idx="363">
                  <c:v>2.1</c:v>
                </c:pt>
                <c:pt idx="364">
                  <c:v>2.2000000000000002</c:v>
                </c:pt>
                <c:pt idx="365">
                  <c:v>2.2000000000000002</c:v>
                </c:pt>
                <c:pt idx="366">
                  <c:v>2.1</c:v>
                </c:pt>
                <c:pt idx="367">
                  <c:v>2.1</c:v>
                </c:pt>
                <c:pt idx="368">
                  <c:v>2.1</c:v>
                </c:pt>
                <c:pt idx="369">
                  <c:v>2.1</c:v>
                </c:pt>
                <c:pt idx="370">
                  <c:v>2.1</c:v>
                </c:pt>
                <c:pt idx="371">
                  <c:v>2.1</c:v>
                </c:pt>
                <c:pt idx="372">
                  <c:v>2.1</c:v>
                </c:pt>
                <c:pt idx="373">
                  <c:v>2.1</c:v>
                </c:pt>
                <c:pt idx="374">
                  <c:v>2.1</c:v>
                </c:pt>
                <c:pt idx="375">
                  <c:v>2.1</c:v>
                </c:pt>
                <c:pt idx="376">
                  <c:v>2</c:v>
                </c:pt>
                <c:pt idx="377">
                  <c:v>2</c:v>
                </c:pt>
                <c:pt idx="378">
                  <c:v>2</c:v>
                </c:pt>
                <c:pt idx="379">
                  <c:v>2</c:v>
                </c:pt>
                <c:pt idx="380">
                  <c:v>2</c:v>
                </c:pt>
                <c:pt idx="381">
                  <c:v>2</c:v>
                </c:pt>
                <c:pt idx="382">
                  <c:v>2</c:v>
                </c:pt>
                <c:pt idx="383">
                  <c:v>2</c:v>
                </c:pt>
                <c:pt idx="384">
                  <c:v>2</c:v>
                </c:pt>
                <c:pt idx="385">
                  <c:v>2</c:v>
                </c:pt>
                <c:pt idx="386">
                  <c:v>1.9</c:v>
                </c:pt>
                <c:pt idx="387">
                  <c:v>1.9</c:v>
                </c:pt>
                <c:pt idx="388">
                  <c:v>1.9</c:v>
                </c:pt>
                <c:pt idx="389">
                  <c:v>1.9</c:v>
                </c:pt>
                <c:pt idx="390">
                  <c:v>1.9</c:v>
                </c:pt>
                <c:pt idx="391">
                  <c:v>1.9</c:v>
                </c:pt>
                <c:pt idx="392">
                  <c:v>1.9</c:v>
                </c:pt>
                <c:pt idx="393">
                  <c:v>1.9</c:v>
                </c:pt>
                <c:pt idx="394">
                  <c:v>1.8</c:v>
                </c:pt>
                <c:pt idx="395">
                  <c:v>1.8</c:v>
                </c:pt>
                <c:pt idx="396">
                  <c:v>1.8</c:v>
                </c:pt>
                <c:pt idx="397">
                  <c:v>1.8</c:v>
                </c:pt>
                <c:pt idx="398">
                  <c:v>1.8</c:v>
                </c:pt>
                <c:pt idx="399">
                  <c:v>1.8</c:v>
                </c:pt>
                <c:pt idx="400">
                  <c:v>1.8</c:v>
                </c:pt>
                <c:pt idx="401">
                  <c:v>1.8</c:v>
                </c:pt>
                <c:pt idx="402">
                  <c:v>1.8</c:v>
                </c:pt>
                <c:pt idx="403">
                  <c:v>1.8</c:v>
                </c:pt>
                <c:pt idx="404">
                  <c:v>1.7</c:v>
                </c:pt>
                <c:pt idx="405">
                  <c:v>1.7</c:v>
                </c:pt>
                <c:pt idx="406">
                  <c:v>1.7</c:v>
                </c:pt>
                <c:pt idx="407">
                  <c:v>1.7</c:v>
                </c:pt>
                <c:pt idx="408">
                  <c:v>1.7</c:v>
                </c:pt>
                <c:pt idx="409">
                  <c:v>1.7</c:v>
                </c:pt>
                <c:pt idx="410">
                  <c:v>1.7</c:v>
                </c:pt>
                <c:pt idx="411">
                  <c:v>1.7</c:v>
                </c:pt>
                <c:pt idx="412">
                  <c:v>1.7</c:v>
                </c:pt>
                <c:pt idx="413">
                  <c:v>1.6</c:v>
                </c:pt>
                <c:pt idx="414">
                  <c:v>1.6</c:v>
                </c:pt>
                <c:pt idx="415">
                  <c:v>1.6</c:v>
                </c:pt>
                <c:pt idx="416">
                  <c:v>1.6</c:v>
                </c:pt>
                <c:pt idx="417">
                  <c:v>1.6</c:v>
                </c:pt>
                <c:pt idx="418">
                  <c:v>1.6</c:v>
                </c:pt>
                <c:pt idx="419">
                  <c:v>1.5</c:v>
                </c:pt>
                <c:pt idx="420">
                  <c:v>1.5</c:v>
                </c:pt>
                <c:pt idx="421">
                  <c:v>1.5</c:v>
                </c:pt>
                <c:pt idx="422">
                  <c:v>1.5</c:v>
                </c:pt>
                <c:pt idx="423">
                  <c:v>1.5</c:v>
                </c:pt>
                <c:pt idx="424">
                  <c:v>1.4</c:v>
                </c:pt>
                <c:pt idx="425">
                  <c:v>1.4</c:v>
                </c:pt>
                <c:pt idx="426">
                  <c:v>1.3</c:v>
                </c:pt>
                <c:pt idx="427">
                  <c:v>1.3</c:v>
                </c:pt>
                <c:pt idx="428">
                  <c:v>1.2</c:v>
                </c:pt>
                <c:pt idx="429">
                  <c:v>1.2</c:v>
                </c:pt>
                <c:pt idx="430">
                  <c:v>1.2</c:v>
                </c:pt>
                <c:pt idx="431">
                  <c:v>1.1000000000000001</c:v>
                </c:pt>
                <c:pt idx="432">
                  <c:v>1.2</c:v>
                </c:pt>
                <c:pt idx="433">
                  <c:v>1.2</c:v>
                </c:pt>
                <c:pt idx="434">
                  <c:v>1.2</c:v>
                </c:pt>
                <c:pt idx="435">
                  <c:v>1.2</c:v>
                </c:pt>
                <c:pt idx="436">
                  <c:v>1.1000000000000001</c:v>
                </c:pt>
                <c:pt idx="437">
                  <c:v>1.1000000000000001</c:v>
                </c:pt>
                <c:pt idx="438">
                  <c:v>1.1000000000000001</c:v>
                </c:pt>
                <c:pt idx="439">
                  <c:v>1.1000000000000001</c:v>
                </c:pt>
                <c:pt idx="440">
                  <c:v>1.1000000000000001</c:v>
                </c:pt>
                <c:pt idx="441">
                  <c:v>1.1000000000000001</c:v>
                </c:pt>
                <c:pt idx="442">
                  <c:v>1.1000000000000001</c:v>
                </c:pt>
                <c:pt idx="443">
                  <c:v>1.1000000000000001</c:v>
                </c:pt>
                <c:pt idx="444">
                  <c:v>1.1000000000000001</c:v>
                </c:pt>
                <c:pt idx="445">
                  <c:v>1.1000000000000001</c:v>
                </c:pt>
                <c:pt idx="446">
                  <c:v>1.1000000000000001</c:v>
                </c:pt>
                <c:pt idx="447">
                  <c:v>1.1000000000000001</c:v>
                </c:pt>
                <c:pt idx="448">
                  <c:v>1.1000000000000001</c:v>
                </c:pt>
                <c:pt idx="449">
                  <c:v>1.1000000000000001</c:v>
                </c:pt>
                <c:pt idx="450">
                  <c:v>1.1000000000000001</c:v>
                </c:pt>
                <c:pt idx="451">
                  <c:v>1</c:v>
                </c:pt>
                <c:pt idx="452">
                  <c:v>1</c:v>
                </c:pt>
                <c:pt idx="453">
                  <c:v>1.1000000000000001</c:v>
                </c:pt>
                <c:pt idx="454">
                  <c:v>1</c:v>
                </c:pt>
                <c:pt idx="455">
                  <c:v>1</c:v>
                </c:pt>
                <c:pt idx="456">
                  <c:v>1.1000000000000001</c:v>
                </c:pt>
                <c:pt idx="457">
                  <c:v>1</c:v>
                </c:pt>
                <c:pt idx="458">
                  <c:v>1</c:v>
                </c:pt>
                <c:pt idx="459">
                  <c:v>1</c:v>
                </c:pt>
                <c:pt idx="460">
                  <c:v>1</c:v>
                </c:pt>
                <c:pt idx="461">
                  <c:v>1</c:v>
                </c:pt>
                <c:pt idx="462">
                  <c:v>1</c:v>
                </c:pt>
                <c:pt idx="463">
                  <c:v>1</c:v>
                </c:pt>
                <c:pt idx="464">
                  <c:v>1</c:v>
                </c:pt>
                <c:pt idx="465">
                  <c:v>1</c:v>
                </c:pt>
                <c:pt idx="466">
                  <c:v>1</c:v>
                </c:pt>
                <c:pt idx="467">
                  <c:v>0.9</c:v>
                </c:pt>
                <c:pt idx="468">
                  <c:v>1</c:v>
                </c:pt>
                <c:pt idx="469">
                  <c:v>0.9</c:v>
                </c:pt>
                <c:pt idx="470">
                  <c:v>0.9</c:v>
                </c:pt>
                <c:pt idx="471">
                  <c:v>0.9</c:v>
                </c:pt>
                <c:pt idx="472">
                  <c:v>0.9</c:v>
                </c:pt>
                <c:pt idx="473">
                  <c:v>0.9</c:v>
                </c:pt>
                <c:pt idx="474">
                  <c:v>0.9</c:v>
                </c:pt>
                <c:pt idx="475">
                  <c:v>0.9</c:v>
                </c:pt>
                <c:pt idx="476">
                  <c:v>0.9</c:v>
                </c:pt>
                <c:pt idx="477">
                  <c:v>0.9</c:v>
                </c:pt>
                <c:pt idx="478">
                  <c:v>0.9</c:v>
                </c:pt>
                <c:pt idx="479">
                  <c:v>0.9</c:v>
                </c:pt>
                <c:pt idx="480">
                  <c:v>0.9</c:v>
                </c:pt>
                <c:pt idx="481">
                  <c:v>0.9</c:v>
                </c:pt>
                <c:pt idx="482">
                  <c:v>0.9</c:v>
                </c:pt>
                <c:pt idx="483">
                  <c:v>0.8</c:v>
                </c:pt>
                <c:pt idx="484">
                  <c:v>0.8</c:v>
                </c:pt>
                <c:pt idx="485">
                  <c:v>0.8</c:v>
                </c:pt>
                <c:pt idx="486">
                  <c:v>0.8</c:v>
                </c:pt>
                <c:pt idx="487">
                  <c:v>0.8</c:v>
                </c:pt>
                <c:pt idx="488">
                  <c:v>0.8</c:v>
                </c:pt>
                <c:pt idx="489">
                  <c:v>0.8</c:v>
                </c:pt>
                <c:pt idx="490">
                  <c:v>0.8</c:v>
                </c:pt>
                <c:pt idx="491">
                  <c:v>0.7</c:v>
                </c:pt>
                <c:pt idx="492">
                  <c:v>0.7</c:v>
                </c:pt>
                <c:pt idx="493">
                  <c:v>0.7</c:v>
                </c:pt>
                <c:pt idx="494">
                  <c:v>0.7</c:v>
                </c:pt>
                <c:pt idx="495">
                  <c:v>0.7</c:v>
                </c:pt>
                <c:pt idx="496">
                  <c:v>0.7</c:v>
                </c:pt>
                <c:pt idx="497">
                  <c:v>0.7</c:v>
                </c:pt>
                <c:pt idx="498">
                  <c:v>0.6</c:v>
                </c:pt>
                <c:pt idx="499">
                  <c:v>0.6</c:v>
                </c:pt>
                <c:pt idx="500">
                  <c:v>0.6</c:v>
                </c:pt>
                <c:pt idx="501">
                  <c:v>0.6</c:v>
                </c:pt>
                <c:pt idx="502">
                  <c:v>0.6</c:v>
                </c:pt>
                <c:pt idx="503">
                  <c:v>0.6</c:v>
                </c:pt>
                <c:pt idx="504">
                  <c:v>0.5</c:v>
                </c:pt>
                <c:pt idx="505">
                  <c:v>0.5</c:v>
                </c:pt>
                <c:pt idx="506">
                  <c:v>0.5</c:v>
                </c:pt>
                <c:pt idx="507">
                  <c:v>0.5</c:v>
                </c:pt>
                <c:pt idx="508">
                  <c:v>0.5</c:v>
                </c:pt>
                <c:pt idx="509">
                  <c:v>0.5</c:v>
                </c:pt>
                <c:pt idx="510">
                  <c:v>0.5</c:v>
                </c:pt>
                <c:pt idx="511">
                  <c:v>0.5</c:v>
                </c:pt>
                <c:pt idx="512">
                  <c:v>0.5</c:v>
                </c:pt>
                <c:pt idx="513">
                  <c:v>0.5</c:v>
                </c:pt>
                <c:pt idx="514">
                  <c:v>0.5</c:v>
                </c:pt>
                <c:pt idx="515">
                  <c:v>0.5</c:v>
                </c:pt>
                <c:pt idx="516">
                  <c:v>0.5</c:v>
                </c:pt>
                <c:pt idx="517">
                  <c:v>0.5</c:v>
                </c:pt>
                <c:pt idx="518">
                  <c:v>0.5</c:v>
                </c:pt>
                <c:pt idx="519">
                  <c:v>0.5</c:v>
                </c:pt>
                <c:pt idx="520">
                  <c:v>0.5</c:v>
                </c:pt>
                <c:pt idx="521">
                  <c:v>0.5</c:v>
                </c:pt>
                <c:pt idx="522">
                  <c:v>0.5</c:v>
                </c:pt>
                <c:pt idx="523">
                  <c:v>0.4</c:v>
                </c:pt>
                <c:pt idx="524">
                  <c:v>0.4</c:v>
                </c:pt>
                <c:pt idx="525">
                  <c:v>0.4</c:v>
                </c:pt>
                <c:pt idx="526">
                  <c:v>0.4</c:v>
                </c:pt>
                <c:pt idx="527">
                  <c:v>0.4</c:v>
                </c:pt>
                <c:pt idx="528">
                  <c:v>0.4</c:v>
                </c:pt>
                <c:pt idx="529">
                  <c:v>0.4</c:v>
                </c:pt>
                <c:pt idx="530">
                  <c:v>0.4</c:v>
                </c:pt>
                <c:pt idx="531">
                  <c:v>0.4</c:v>
                </c:pt>
                <c:pt idx="532">
                  <c:v>0.4</c:v>
                </c:pt>
                <c:pt idx="533">
                  <c:v>0.4</c:v>
                </c:pt>
                <c:pt idx="534">
                  <c:v>0.4</c:v>
                </c:pt>
                <c:pt idx="535">
                  <c:v>0.4</c:v>
                </c:pt>
                <c:pt idx="536">
                  <c:v>0.4</c:v>
                </c:pt>
                <c:pt idx="537">
                  <c:v>0.4</c:v>
                </c:pt>
                <c:pt idx="538">
                  <c:v>0.4</c:v>
                </c:pt>
                <c:pt idx="539">
                  <c:v>0.3</c:v>
                </c:pt>
                <c:pt idx="540">
                  <c:v>0.4</c:v>
                </c:pt>
                <c:pt idx="541">
                  <c:v>0.3</c:v>
                </c:pt>
                <c:pt idx="542">
                  <c:v>0.3</c:v>
                </c:pt>
                <c:pt idx="543">
                  <c:v>0.4</c:v>
                </c:pt>
                <c:pt idx="544">
                  <c:v>0.3</c:v>
                </c:pt>
                <c:pt idx="545">
                  <c:v>0.3</c:v>
                </c:pt>
                <c:pt idx="546">
                  <c:v>0.3</c:v>
                </c:pt>
                <c:pt idx="547">
                  <c:v>0.3</c:v>
                </c:pt>
                <c:pt idx="548">
                  <c:v>0.3</c:v>
                </c:pt>
                <c:pt idx="549">
                  <c:v>0.3</c:v>
                </c:pt>
                <c:pt idx="550">
                  <c:v>0.3</c:v>
                </c:pt>
                <c:pt idx="551">
                  <c:v>0.3</c:v>
                </c:pt>
                <c:pt idx="552">
                  <c:v>0.3</c:v>
                </c:pt>
                <c:pt idx="553">
                  <c:v>0.3</c:v>
                </c:pt>
                <c:pt idx="554">
                  <c:v>0.3</c:v>
                </c:pt>
                <c:pt idx="555">
                  <c:v>0.2</c:v>
                </c:pt>
                <c:pt idx="556">
                  <c:v>0.2</c:v>
                </c:pt>
                <c:pt idx="557">
                  <c:v>0.2</c:v>
                </c:pt>
                <c:pt idx="558">
                  <c:v>0.2</c:v>
                </c:pt>
                <c:pt idx="559">
                  <c:v>0.2</c:v>
                </c:pt>
                <c:pt idx="560">
                  <c:v>0.2</c:v>
                </c:pt>
                <c:pt idx="561">
                  <c:v>0.2</c:v>
                </c:pt>
                <c:pt idx="562">
                  <c:v>0.2</c:v>
                </c:pt>
                <c:pt idx="563">
                  <c:v>0.2</c:v>
                </c:pt>
                <c:pt idx="564">
                  <c:v>0.2</c:v>
                </c:pt>
                <c:pt idx="565">
                  <c:v>0.2</c:v>
                </c:pt>
                <c:pt idx="566">
                  <c:v>0.2</c:v>
                </c:pt>
                <c:pt idx="567">
                  <c:v>0.1</c:v>
                </c:pt>
                <c:pt idx="568">
                  <c:v>0.1</c:v>
                </c:pt>
                <c:pt idx="569">
                  <c:v>0.1</c:v>
                </c:pt>
                <c:pt idx="570">
                  <c:v>0.1</c:v>
                </c:pt>
                <c:pt idx="571">
                  <c:v>0.1</c:v>
                </c:pt>
                <c:pt idx="572">
                  <c:v>0.1</c:v>
                </c:pt>
                <c:pt idx="573">
                  <c:v>0.1</c:v>
                </c:pt>
                <c:pt idx="574">
                  <c:v>0.1</c:v>
                </c:pt>
                <c:pt idx="575">
                  <c:v>0.1</c:v>
                </c:pt>
                <c:pt idx="576">
                  <c:v>0.1</c:v>
                </c:pt>
                <c:pt idx="577">
                  <c:v>0.1</c:v>
                </c:pt>
                <c:pt idx="578">
                  <c:v>0</c:v>
                </c:pt>
                <c:pt idx="579">
                  <c:v>0</c:v>
                </c:pt>
                <c:pt idx="580">
                  <c:v>0</c:v>
                </c:pt>
                <c:pt idx="581">
                  <c:v>0</c:v>
                </c:pt>
                <c:pt idx="582">
                  <c:v>0</c:v>
                </c:pt>
                <c:pt idx="583">
                  <c:v>0</c:v>
                </c:pt>
                <c:pt idx="584">
                  <c:v>0</c:v>
                </c:pt>
                <c:pt idx="585">
                  <c:v>0</c:v>
                </c:pt>
                <c:pt idx="586">
                  <c:v>0</c:v>
                </c:pt>
                <c:pt idx="587">
                  <c:v>0</c:v>
                </c:pt>
                <c:pt idx="588">
                  <c:v>-0.1</c:v>
                </c:pt>
                <c:pt idx="589">
                  <c:v>0</c:v>
                </c:pt>
                <c:pt idx="590">
                  <c:v>-0.1</c:v>
                </c:pt>
                <c:pt idx="591">
                  <c:v>-0.1</c:v>
                </c:pt>
                <c:pt idx="592">
                  <c:v>-0.1</c:v>
                </c:pt>
                <c:pt idx="593">
                  <c:v>-0.1</c:v>
                </c:pt>
                <c:pt idx="594">
                  <c:v>-0.1</c:v>
                </c:pt>
                <c:pt idx="595">
                  <c:v>-0.1</c:v>
                </c:pt>
                <c:pt idx="596">
                  <c:v>-0.1</c:v>
                </c:pt>
                <c:pt idx="597">
                  <c:v>-0.1</c:v>
                </c:pt>
                <c:pt idx="598">
                  <c:v>-0.1</c:v>
                </c:pt>
                <c:pt idx="599">
                  <c:v>-0.1</c:v>
                </c:pt>
                <c:pt idx="600">
                  <c:v>-0.1</c:v>
                </c:pt>
                <c:pt idx="601">
                  <c:v>-0.1</c:v>
                </c:pt>
                <c:pt idx="602">
                  <c:v>-0.1</c:v>
                </c:pt>
                <c:pt idx="603">
                  <c:v>-0.1</c:v>
                </c:pt>
                <c:pt idx="604">
                  <c:v>-0.1</c:v>
                </c:pt>
                <c:pt idx="605">
                  <c:v>-0.1</c:v>
                </c:pt>
                <c:pt idx="606">
                  <c:v>-0.1</c:v>
                </c:pt>
                <c:pt idx="607">
                  <c:v>-0.1</c:v>
                </c:pt>
                <c:pt idx="608">
                  <c:v>-0.1</c:v>
                </c:pt>
                <c:pt idx="609">
                  <c:v>-0.1</c:v>
                </c:pt>
                <c:pt idx="610">
                  <c:v>-0.1</c:v>
                </c:pt>
                <c:pt idx="611">
                  <c:v>-0.1</c:v>
                </c:pt>
                <c:pt idx="612">
                  <c:v>-0.1</c:v>
                </c:pt>
                <c:pt idx="613">
                  <c:v>-0.1</c:v>
                </c:pt>
                <c:pt idx="614">
                  <c:v>-0.1</c:v>
                </c:pt>
                <c:pt idx="615">
                  <c:v>-0.1</c:v>
                </c:pt>
                <c:pt idx="616">
                  <c:v>-0.1</c:v>
                </c:pt>
                <c:pt idx="617">
                  <c:v>-0.1</c:v>
                </c:pt>
                <c:pt idx="618">
                  <c:v>-0.1</c:v>
                </c:pt>
                <c:pt idx="619">
                  <c:v>-0.1</c:v>
                </c:pt>
                <c:pt idx="620">
                  <c:v>-0.1</c:v>
                </c:pt>
                <c:pt idx="621">
                  <c:v>-0.1</c:v>
                </c:pt>
                <c:pt idx="622">
                  <c:v>-0.2</c:v>
                </c:pt>
                <c:pt idx="623">
                  <c:v>-0.2</c:v>
                </c:pt>
                <c:pt idx="624">
                  <c:v>-0.1</c:v>
                </c:pt>
                <c:pt idx="625">
                  <c:v>-0.2</c:v>
                </c:pt>
                <c:pt idx="626">
                  <c:v>-0.2</c:v>
                </c:pt>
                <c:pt idx="627">
                  <c:v>-0.2</c:v>
                </c:pt>
                <c:pt idx="628">
                  <c:v>-0.2</c:v>
                </c:pt>
                <c:pt idx="629">
                  <c:v>-0.2</c:v>
                </c:pt>
                <c:pt idx="630">
                  <c:v>-0.2</c:v>
                </c:pt>
                <c:pt idx="631">
                  <c:v>-0.2</c:v>
                </c:pt>
                <c:pt idx="632">
                  <c:v>-0.2</c:v>
                </c:pt>
                <c:pt idx="633">
                  <c:v>-0.2</c:v>
                </c:pt>
                <c:pt idx="634">
                  <c:v>-0.2</c:v>
                </c:pt>
                <c:pt idx="635">
                  <c:v>-0.2</c:v>
                </c:pt>
                <c:pt idx="636">
                  <c:v>-0.2</c:v>
                </c:pt>
                <c:pt idx="637">
                  <c:v>-0.2</c:v>
                </c:pt>
                <c:pt idx="638">
                  <c:v>-0.2</c:v>
                </c:pt>
                <c:pt idx="639">
                  <c:v>-0.2</c:v>
                </c:pt>
                <c:pt idx="640">
                  <c:v>-0.2</c:v>
                </c:pt>
                <c:pt idx="641">
                  <c:v>-0.2</c:v>
                </c:pt>
                <c:pt idx="642">
                  <c:v>-0.2</c:v>
                </c:pt>
                <c:pt idx="643">
                  <c:v>-0.2</c:v>
                </c:pt>
                <c:pt idx="644">
                  <c:v>-0.3</c:v>
                </c:pt>
                <c:pt idx="645">
                  <c:v>-0.2</c:v>
                </c:pt>
                <c:pt idx="646">
                  <c:v>-0.3</c:v>
                </c:pt>
                <c:pt idx="647">
                  <c:v>-0.2</c:v>
                </c:pt>
                <c:pt idx="648">
                  <c:v>-0.3</c:v>
                </c:pt>
                <c:pt idx="649">
                  <c:v>-0.3</c:v>
                </c:pt>
                <c:pt idx="650">
                  <c:v>-0.3</c:v>
                </c:pt>
                <c:pt idx="651">
                  <c:v>-0.3</c:v>
                </c:pt>
                <c:pt idx="652">
                  <c:v>-0.3</c:v>
                </c:pt>
                <c:pt idx="653">
                  <c:v>-0.3</c:v>
                </c:pt>
                <c:pt idx="654">
                  <c:v>-0.3</c:v>
                </c:pt>
                <c:pt idx="655">
                  <c:v>-0.3</c:v>
                </c:pt>
                <c:pt idx="656">
                  <c:v>-0.3</c:v>
                </c:pt>
                <c:pt idx="657">
                  <c:v>-0.3</c:v>
                </c:pt>
                <c:pt idx="658">
                  <c:v>-0.3</c:v>
                </c:pt>
                <c:pt idx="659">
                  <c:v>-0.3</c:v>
                </c:pt>
                <c:pt idx="660">
                  <c:v>-0.3</c:v>
                </c:pt>
                <c:pt idx="661">
                  <c:v>-0.3</c:v>
                </c:pt>
                <c:pt idx="662">
                  <c:v>-0.3</c:v>
                </c:pt>
                <c:pt idx="663">
                  <c:v>-0.4</c:v>
                </c:pt>
                <c:pt idx="664">
                  <c:v>-0.3</c:v>
                </c:pt>
                <c:pt idx="665">
                  <c:v>-0.3</c:v>
                </c:pt>
                <c:pt idx="666">
                  <c:v>-0.3</c:v>
                </c:pt>
                <c:pt idx="667">
                  <c:v>-0.3</c:v>
                </c:pt>
                <c:pt idx="668">
                  <c:v>-0.3</c:v>
                </c:pt>
                <c:pt idx="669">
                  <c:v>-0.4</c:v>
                </c:pt>
                <c:pt idx="670">
                  <c:v>-0.4</c:v>
                </c:pt>
                <c:pt idx="671">
                  <c:v>-0.4</c:v>
                </c:pt>
                <c:pt idx="672">
                  <c:v>-0.4</c:v>
                </c:pt>
                <c:pt idx="673">
                  <c:v>-0.4</c:v>
                </c:pt>
                <c:pt idx="674">
                  <c:v>-0.4</c:v>
                </c:pt>
                <c:pt idx="675">
                  <c:v>-0.4</c:v>
                </c:pt>
                <c:pt idx="676">
                  <c:v>-0.4</c:v>
                </c:pt>
                <c:pt idx="677">
                  <c:v>-0.4</c:v>
                </c:pt>
                <c:pt idx="678">
                  <c:v>-0.4</c:v>
                </c:pt>
                <c:pt idx="679">
                  <c:v>-0.4</c:v>
                </c:pt>
                <c:pt idx="680">
                  <c:v>-0.4</c:v>
                </c:pt>
                <c:pt idx="681">
                  <c:v>-0.4</c:v>
                </c:pt>
                <c:pt idx="682">
                  <c:v>-0.4</c:v>
                </c:pt>
                <c:pt idx="683">
                  <c:v>-0.5</c:v>
                </c:pt>
                <c:pt idx="684">
                  <c:v>-0.5</c:v>
                </c:pt>
                <c:pt idx="685">
                  <c:v>-0.5</c:v>
                </c:pt>
                <c:pt idx="686">
                  <c:v>-0.5</c:v>
                </c:pt>
                <c:pt idx="687">
                  <c:v>-0.5</c:v>
                </c:pt>
                <c:pt idx="688">
                  <c:v>-0.5</c:v>
                </c:pt>
                <c:pt idx="689">
                  <c:v>-0.5</c:v>
                </c:pt>
                <c:pt idx="690">
                  <c:v>-0.5</c:v>
                </c:pt>
                <c:pt idx="691">
                  <c:v>-0.5</c:v>
                </c:pt>
                <c:pt idx="692">
                  <c:v>-0.5</c:v>
                </c:pt>
                <c:pt idx="693">
                  <c:v>-0.5</c:v>
                </c:pt>
                <c:pt idx="694">
                  <c:v>-0.5</c:v>
                </c:pt>
                <c:pt idx="695">
                  <c:v>-0.5</c:v>
                </c:pt>
                <c:pt idx="696">
                  <c:v>-0.5</c:v>
                </c:pt>
                <c:pt idx="697">
                  <c:v>-0.5</c:v>
                </c:pt>
                <c:pt idx="698">
                  <c:v>-0.5</c:v>
                </c:pt>
                <c:pt idx="699">
                  <c:v>-0.5</c:v>
                </c:pt>
                <c:pt idx="700">
                  <c:v>-0.5</c:v>
                </c:pt>
                <c:pt idx="701">
                  <c:v>-0.5</c:v>
                </c:pt>
                <c:pt idx="702">
                  <c:v>-0.5</c:v>
                </c:pt>
                <c:pt idx="703">
                  <c:v>-0.5</c:v>
                </c:pt>
                <c:pt idx="704">
                  <c:v>-0.6</c:v>
                </c:pt>
                <c:pt idx="705">
                  <c:v>-0.5</c:v>
                </c:pt>
                <c:pt idx="706">
                  <c:v>-0.5</c:v>
                </c:pt>
                <c:pt idx="707">
                  <c:v>-0.5</c:v>
                </c:pt>
                <c:pt idx="708">
                  <c:v>-0.6</c:v>
                </c:pt>
                <c:pt idx="709">
                  <c:v>-0.5</c:v>
                </c:pt>
                <c:pt idx="710">
                  <c:v>-0.5</c:v>
                </c:pt>
                <c:pt idx="711">
                  <c:v>-0.5</c:v>
                </c:pt>
                <c:pt idx="712">
                  <c:v>-0.6</c:v>
                </c:pt>
                <c:pt idx="713">
                  <c:v>-0.6</c:v>
                </c:pt>
                <c:pt idx="714">
                  <c:v>-0.6</c:v>
                </c:pt>
                <c:pt idx="715">
                  <c:v>-0.6</c:v>
                </c:pt>
                <c:pt idx="716">
                  <c:v>-0.6</c:v>
                </c:pt>
                <c:pt idx="717">
                  <c:v>-0.6</c:v>
                </c:pt>
                <c:pt idx="718">
                  <c:v>-0.5</c:v>
                </c:pt>
                <c:pt idx="719">
                  <c:v>-0.6</c:v>
                </c:pt>
                <c:pt idx="720">
                  <c:v>-0.6</c:v>
                </c:pt>
                <c:pt idx="721">
                  <c:v>-0.6</c:v>
                </c:pt>
                <c:pt idx="722">
                  <c:v>-0.6</c:v>
                </c:pt>
                <c:pt idx="723">
                  <c:v>-0.6</c:v>
                </c:pt>
                <c:pt idx="724">
                  <c:v>-0.6</c:v>
                </c:pt>
                <c:pt idx="725">
                  <c:v>-0.5</c:v>
                </c:pt>
                <c:pt idx="726">
                  <c:v>-0.5</c:v>
                </c:pt>
                <c:pt idx="727">
                  <c:v>-0.6</c:v>
                </c:pt>
                <c:pt idx="728">
                  <c:v>-0.6</c:v>
                </c:pt>
                <c:pt idx="729">
                  <c:v>-0.6</c:v>
                </c:pt>
                <c:pt idx="730">
                  <c:v>-0.6</c:v>
                </c:pt>
                <c:pt idx="731">
                  <c:v>-0.6</c:v>
                </c:pt>
                <c:pt idx="732">
                  <c:v>-0.6</c:v>
                </c:pt>
                <c:pt idx="733">
                  <c:v>-0.6</c:v>
                </c:pt>
                <c:pt idx="734">
                  <c:v>-0.6</c:v>
                </c:pt>
                <c:pt idx="735">
                  <c:v>-0.6</c:v>
                </c:pt>
                <c:pt idx="736">
                  <c:v>-0.6</c:v>
                </c:pt>
                <c:pt idx="737">
                  <c:v>-0.6</c:v>
                </c:pt>
                <c:pt idx="738">
                  <c:v>-0.6</c:v>
                </c:pt>
                <c:pt idx="739">
                  <c:v>-0.6</c:v>
                </c:pt>
                <c:pt idx="740">
                  <c:v>-0.6</c:v>
                </c:pt>
                <c:pt idx="741">
                  <c:v>-0.6</c:v>
                </c:pt>
                <c:pt idx="742">
                  <c:v>-0.6</c:v>
                </c:pt>
                <c:pt idx="743">
                  <c:v>-0.6</c:v>
                </c:pt>
                <c:pt idx="744">
                  <c:v>-0.6</c:v>
                </c:pt>
                <c:pt idx="745">
                  <c:v>-0.6</c:v>
                </c:pt>
                <c:pt idx="746">
                  <c:v>-0.6</c:v>
                </c:pt>
                <c:pt idx="747">
                  <c:v>-0.6</c:v>
                </c:pt>
                <c:pt idx="748">
                  <c:v>-0.6</c:v>
                </c:pt>
                <c:pt idx="749">
                  <c:v>-0.6</c:v>
                </c:pt>
                <c:pt idx="750">
                  <c:v>-0.6</c:v>
                </c:pt>
                <c:pt idx="751">
                  <c:v>-0.6</c:v>
                </c:pt>
                <c:pt idx="752">
                  <c:v>-0.6</c:v>
                </c:pt>
                <c:pt idx="753">
                  <c:v>-0.6</c:v>
                </c:pt>
                <c:pt idx="754">
                  <c:v>-0.6</c:v>
                </c:pt>
                <c:pt idx="755">
                  <c:v>-0.6</c:v>
                </c:pt>
                <c:pt idx="756">
                  <c:v>-0.6</c:v>
                </c:pt>
                <c:pt idx="757">
                  <c:v>-0.6</c:v>
                </c:pt>
                <c:pt idx="758">
                  <c:v>-0.6</c:v>
                </c:pt>
                <c:pt idx="759">
                  <c:v>-0.6</c:v>
                </c:pt>
                <c:pt idx="760">
                  <c:v>-0.6</c:v>
                </c:pt>
                <c:pt idx="761">
                  <c:v>-0.6</c:v>
                </c:pt>
                <c:pt idx="762">
                  <c:v>-0.6</c:v>
                </c:pt>
                <c:pt idx="763">
                  <c:v>-0.6</c:v>
                </c:pt>
                <c:pt idx="764">
                  <c:v>-0.6</c:v>
                </c:pt>
                <c:pt idx="765">
                  <c:v>-0.6</c:v>
                </c:pt>
                <c:pt idx="766">
                  <c:v>-0.7</c:v>
                </c:pt>
                <c:pt idx="767">
                  <c:v>-0.6</c:v>
                </c:pt>
                <c:pt idx="768">
                  <c:v>-0.6</c:v>
                </c:pt>
                <c:pt idx="769">
                  <c:v>-0.7</c:v>
                </c:pt>
                <c:pt idx="770">
                  <c:v>-0.6</c:v>
                </c:pt>
                <c:pt idx="771">
                  <c:v>-0.7</c:v>
                </c:pt>
                <c:pt idx="772">
                  <c:v>-0.7</c:v>
                </c:pt>
                <c:pt idx="773">
                  <c:v>-0.7</c:v>
                </c:pt>
                <c:pt idx="774">
                  <c:v>-0.7</c:v>
                </c:pt>
                <c:pt idx="775">
                  <c:v>-0.6</c:v>
                </c:pt>
                <c:pt idx="776">
                  <c:v>-0.7</c:v>
                </c:pt>
                <c:pt idx="777">
                  <c:v>-0.7</c:v>
                </c:pt>
                <c:pt idx="778">
                  <c:v>-0.7</c:v>
                </c:pt>
                <c:pt idx="779">
                  <c:v>-0.7</c:v>
                </c:pt>
                <c:pt idx="780">
                  <c:v>-0.7</c:v>
                </c:pt>
                <c:pt idx="781">
                  <c:v>-0.7</c:v>
                </c:pt>
                <c:pt idx="782">
                  <c:v>-0.7</c:v>
                </c:pt>
                <c:pt idx="783">
                  <c:v>-0.7</c:v>
                </c:pt>
                <c:pt idx="784">
                  <c:v>-0.7</c:v>
                </c:pt>
                <c:pt idx="785">
                  <c:v>-0.7</c:v>
                </c:pt>
                <c:pt idx="786">
                  <c:v>-0.7</c:v>
                </c:pt>
                <c:pt idx="787">
                  <c:v>-0.7</c:v>
                </c:pt>
                <c:pt idx="788">
                  <c:v>-0.7</c:v>
                </c:pt>
                <c:pt idx="789">
                  <c:v>-0.7</c:v>
                </c:pt>
                <c:pt idx="790">
                  <c:v>-0.7</c:v>
                </c:pt>
                <c:pt idx="791">
                  <c:v>-0.7</c:v>
                </c:pt>
                <c:pt idx="792">
                  <c:v>-0.8</c:v>
                </c:pt>
                <c:pt idx="793">
                  <c:v>-0.7</c:v>
                </c:pt>
                <c:pt idx="794">
                  <c:v>-0.8</c:v>
                </c:pt>
                <c:pt idx="795">
                  <c:v>-0.8</c:v>
                </c:pt>
                <c:pt idx="796">
                  <c:v>-0.7</c:v>
                </c:pt>
                <c:pt idx="797">
                  <c:v>-0.7</c:v>
                </c:pt>
                <c:pt idx="798">
                  <c:v>-0.8</c:v>
                </c:pt>
                <c:pt idx="799">
                  <c:v>-0.8</c:v>
                </c:pt>
                <c:pt idx="800">
                  <c:v>-0.8</c:v>
                </c:pt>
                <c:pt idx="801">
                  <c:v>-0.8</c:v>
                </c:pt>
                <c:pt idx="802">
                  <c:v>-0.8</c:v>
                </c:pt>
                <c:pt idx="803">
                  <c:v>-0.8</c:v>
                </c:pt>
                <c:pt idx="804">
                  <c:v>-0.7</c:v>
                </c:pt>
                <c:pt idx="805">
                  <c:v>-0.8</c:v>
                </c:pt>
                <c:pt idx="806">
                  <c:v>-0.8</c:v>
                </c:pt>
                <c:pt idx="807">
                  <c:v>-0.8</c:v>
                </c:pt>
                <c:pt idx="808">
                  <c:v>-0.7</c:v>
                </c:pt>
                <c:pt idx="809">
                  <c:v>-0.7</c:v>
                </c:pt>
                <c:pt idx="810">
                  <c:v>-0.8</c:v>
                </c:pt>
                <c:pt idx="811">
                  <c:v>-0.7</c:v>
                </c:pt>
                <c:pt idx="812">
                  <c:v>-0.7</c:v>
                </c:pt>
                <c:pt idx="813">
                  <c:v>-0.8</c:v>
                </c:pt>
                <c:pt idx="814">
                  <c:v>-0.8</c:v>
                </c:pt>
                <c:pt idx="815">
                  <c:v>-0.7</c:v>
                </c:pt>
                <c:pt idx="816">
                  <c:v>-0.8</c:v>
                </c:pt>
                <c:pt idx="817">
                  <c:v>-0.7</c:v>
                </c:pt>
                <c:pt idx="818">
                  <c:v>-0.8</c:v>
                </c:pt>
                <c:pt idx="819">
                  <c:v>-0.8</c:v>
                </c:pt>
                <c:pt idx="820">
                  <c:v>-0.8</c:v>
                </c:pt>
                <c:pt idx="821">
                  <c:v>-0.7</c:v>
                </c:pt>
                <c:pt idx="822">
                  <c:v>-0.8</c:v>
                </c:pt>
                <c:pt idx="823">
                  <c:v>-0.8</c:v>
                </c:pt>
                <c:pt idx="824">
                  <c:v>-0.8</c:v>
                </c:pt>
                <c:pt idx="825">
                  <c:v>-0.8</c:v>
                </c:pt>
                <c:pt idx="826">
                  <c:v>-0.7</c:v>
                </c:pt>
                <c:pt idx="827">
                  <c:v>-0.8</c:v>
                </c:pt>
                <c:pt idx="828">
                  <c:v>-0.8</c:v>
                </c:pt>
                <c:pt idx="829">
                  <c:v>-0.8</c:v>
                </c:pt>
                <c:pt idx="830">
                  <c:v>-0.8</c:v>
                </c:pt>
                <c:pt idx="831">
                  <c:v>-0.8</c:v>
                </c:pt>
                <c:pt idx="832">
                  <c:v>-0.8</c:v>
                </c:pt>
                <c:pt idx="833">
                  <c:v>-0.8</c:v>
                </c:pt>
                <c:pt idx="834">
                  <c:v>-0.8</c:v>
                </c:pt>
                <c:pt idx="835">
                  <c:v>-0.8</c:v>
                </c:pt>
                <c:pt idx="836">
                  <c:v>-0.8</c:v>
                </c:pt>
                <c:pt idx="837">
                  <c:v>-0.8</c:v>
                </c:pt>
                <c:pt idx="838">
                  <c:v>-0.8</c:v>
                </c:pt>
                <c:pt idx="839">
                  <c:v>-0.8</c:v>
                </c:pt>
                <c:pt idx="840">
                  <c:v>-0.8</c:v>
                </c:pt>
                <c:pt idx="841">
                  <c:v>-0.8</c:v>
                </c:pt>
                <c:pt idx="842">
                  <c:v>-0.8</c:v>
                </c:pt>
                <c:pt idx="843">
                  <c:v>-0.8</c:v>
                </c:pt>
                <c:pt idx="844">
                  <c:v>-0.8</c:v>
                </c:pt>
                <c:pt idx="845">
                  <c:v>-0.8</c:v>
                </c:pt>
                <c:pt idx="846">
                  <c:v>-0.8</c:v>
                </c:pt>
                <c:pt idx="847">
                  <c:v>-0.8</c:v>
                </c:pt>
                <c:pt idx="848">
                  <c:v>-0.8</c:v>
                </c:pt>
                <c:pt idx="849">
                  <c:v>-0.8</c:v>
                </c:pt>
                <c:pt idx="850">
                  <c:v>-0.8</c:v>
                </c:pt>
                <c:pt idx="851">
                  <c:v>-0.8</c:v>
                </c:pt>
                <c:pt idx="852">
                  <c:v>-0.8</c:v>
                </c:pt>
                <c:pt idx="853">
                  <c:v>-0.8</c:v>
                </c:pt>
                <c:pt idx="854">
                  <c:v>-0.8</c:v>
                </c:pt>
                <c:pt idx="855">
                  <c:v>-0.8</c:v>
                </c:pt>
                <c:pt idx="856">
                  <c:v>-0.8</c:v>
                </c:pt>
                <c:pt idx="857">
                  <c:v>-0.8</c:v>
                </c:pt>
                <c:pt idx="858">
                  <c:v>-0.8</c:v>
                </c:pt>
                <c:pt idx="859">
                  <c:v>-0.8</c:v>
                </c:pt>
                <c:pt idx="860">
                  <c:v>-0.8</c:v>
                </c:pt>
                <c:pt idx="861">
                  <c:v>-0.8</c:v>
                </c:pt>
                <c:pt idx="862">
                  <c:v>-0.8</c:v>
                </c:pt>
                <c:pt idx="863">
                  <c:v>-0.8</c:v>
                </c:pt>
                <c:pt idx="864">
                  <c:v>-0.8</c:v>
                </c:pt>
                <c:pt idx="865">
                  <c:v>-0.9</c:v>
                </c:pt>
                <c:pt idx="866">
                  <c:v>-0.8</c:v>
                </c:pt>
                <c:pt idx="867">
                  <c:v>-0.8</c:v>
                </c:pt>
                <c:pt idx="868">
                  <c:v>-0.8</c:v>
                </c:pt>
                <c:pt idx="869">
                  <c:v>-0.9</c:v>
                </c:pt>
                <c:pt idx="870">
                  <c:v>-0.9</c:v>
                </c:pt>
                <c:pt idx="871">
                  <c:v>-0.9</c:v>
                </c:pt>
                <c:pt idx="872">
                  <c:v>-0.9</c:v>
                </c:pt>
                <c:pt idx="873">
                  <c:v>-0.9</c:v>
                </c:pt>
                <c:pt idx="874">
                  <c:v>-0.9</c:v>
                </c:pt>
                <c:pt idx="875">
                  <c:v>-0.9</c:v>
                </c:pt>
                <c:pt idx="876">
                  <c:v>-0.9</c:v>
                </c:pt>
                <c:pt idx="877">
                  <c:v>-0.9</c:v>
                </c:pt>
                <c:pt idx="878">
                  <c:v>-0.9</c:v>
                </c:pt>
                <c:pt idx="879">
                  <c:v>-0.9</c:v>
                </c:pt>
                <c:pt idx="880">
                  <c:v>-0.9</c:v>
                </c:pt>
                <c:pt idx="881">
                  <c:v>-0.9</c:v>
                </c:pt>
                <c:pt idx="882">
                  <c:v>-0.9</c:v>
                </c:pt>
                <c:pt idx="883">
                  <c:v>-0.9</c:v>
                </c:pt>
                <c:pt idx="884">
                  <c:v>-0.9</c:v>
                </c:pt>
                <c:pt idx="885">
                  <c:v>-0.9</c:v>
                </c:pt>
                <c:pt idx="886">
                  <c:v>-0.9</c:v>
                </c:pt>
                <c:pt idx="887">
                  <c:v>-0.9</c:v>
                </c:pt>
                <c:pt idx="888">
                  <c:v>-0.9</c:v>
                </c:pt>
                <c:pt idx="889">
                  <c:v>-0.9</c:v>
                </c:pt>
                <c:pt idx="890">
                  <c:v>-0.9</c:v>
                </c:pt>
                <c:pt idx="891">
                  <c:v>-0.9</c:v>
                </c:pt>
                <c:pt idx="892">
                  <c:v>-0.9</c:v>
                </c:pt>
                <c:pt idx="893">
                  <c:v>-0.9</c:v>
                </c:pt>
                <c:pt idx="894">
                  <c:v>-0.9</c:v>
                </c:pt>
                <c:pt idx="895">
                  <c:v>-0.9</c:v>
                </c:pt>
                <c:pt idx="896">
                  <c:v>-0.9</c:v>
                </c:pt>
                <c:pt idx="897">
                  <c:v>-0.9</c:v>
                </c:pt>
                <c:pt idx="898">
                  <c:v>-0.9</c:v>
                </c:pt>
                <c:pt idx="899">
                  <c:v>-0.9</c:v>
                </c:pt>
                <c:pt idx="900">
                  <c:v>-0.9</c:v>
                </c:pt>
                <c:pt idx="901">
                  <c:v>-0.9</c:v>
                </c:pt>
                <c:pt idx="902">
                  <c:v>-0.9</c:v>
                </c:pt>
                <c:pt idx="903">
                  <c:v>-0.9</c:v>
                </c:pt>
                <c:pt idx="904">
                  <c:v>-0.9</c:v>
                </c:pt>
                <c:pt idx="905">
                  <c:v>-0.9</c:v>
                </c:pt>
                <c:pt idx="906">
                  <c:v>-0.9</c:v>
                </c:pt>
                <c:pt idx="907">
                  <c:v>-0.9</c:v>
                </c:pt>
                <c:pt idx="908">
                  <c:v>-0.9</c:v>
                </c:pt>
                <c:pt idx="909">
                  <c:v>-1</c:v>
                </c:pt>
                <c:pt idx="910">
                  <c:v>-0.9</c:v>
                </c:pt>
                <c:pt idx="911">
                  <c:v>-0.9</c:v>
                </c:pt>
                <c:pt idx="912">
                  <c:v>-1</c:v>
                </c:pt>
                <c:pt idx="913">
                  <c:v>-1</c:v>
                </c:pt>
                <c:pt idx="914">
                  <c:v>-1</c:v>
                </c:pt>
                <c:pt idx="915">
                  <c:v>-1</c:v>
                </c:pt>
                <c:pt idx="916">
                  <c:v>-0.9</c:v>
                </c:pt>
                <c:pt idx="917">
                  <c:v>-0.9</c:v>
                </c:pt>
                <c:pt idx="918">
                  <c:v>-1</c:v>
                </c:pt>
                <c:pt idx="919">
                  <c:v>-1</c:v>
                </c:pt>
                <c:pt idx="920">
                  <c:v>-1</c:v>
                </c:pt>
                <c:pt idx="921">
                  <c:v>-1</c:v>
                </c:pt>
                <c:pt idx="922">
                  <c:v>-1</c:v>
                </c:pt>
                <c:pt idx="923">
                  <c:v>-1</c:v>
                </c:pt>
                <c:pt idx="924">
                  <c:v>-0.9</c:v>
                </c:pt>
                <c:pt idx="925">
                  <c:v>-1</c:v>
                </c:pt>
                <c:pt idx="926">
                  <c:v>-1</c:v>
                </c:pt>
                <c:pt idx="927">
                  <c:v>-1</c:v>
                </c:pt>
                <c:pt idx="928">
                  <c:v>-1</c:v>
                </c:pt>
                <c:pt idx="929">
                  <c:v>-1</c:v>
                </c:pt>
                <c:pt idx="930">
                  <c:v>-1</c:v>
                </c:pt>
                <c:pt idx="931">
                  <c:v>-1</c:v>
                </c:pt>
                <c:pt idx="932">
                  <c:v>-1</c:v>
                </c:pt>
                <c:pt idx="933">
                  <c:v>-1</c:v>
                </c:pt>
                <c:pt idx="934">
                  <c:v>-1</c:v>
                </c:pt>
                <c:pt idx="935">
                  <c:v>-1</c:v>
                </c:pt>
                <c:pt idx="936">
                  <c:v>-1</c:v>
                </c:pt>
                <c:pt idx="937">
                  <c:v>-1</c:v>
                </c:pt>
                <c:pt idx="938">
                  <c:v>-1</c:v>
                </c:pt>
                <c:pt idx="939">
                  <c:v>-1</c:v>
                </c:pt>
                <c:pt idx="940">
                  <c:v>-1</c:v>
                </c:pt>
                <c:pt idx="941">
                  <c:v>-1</c:v>
                </c:pt>
                <c:pt idx="942">
                  <c:v>-1</c:v>
                </c:pt>
                <c:pt idx="943">
                  <c:v>-1</c:v>
                </c:pt>
                <c:pt idx="944">
                  <c:v>-1</c:v>
                </c:pt>
                <c:pt idx="945">
                  <c:v>-1</c:v>
                </c:pt>
                <c:pt idx="946">
                  <c:v>-1</c:v>
                </c:pt>
                <c:pt idx="947">
                  <c:v>-1</c:v>
                </c:pt>
                <c:pt idx="948">
                  <c:v>-1</c:v>
                </c:pt>
                <c:pt idx="949">
                  <c:v>-1</c:v>
                </c:pt>
                <c:pt idx="950">
                  <c:v>-1</c:v>
                </c:pt>
                <c:pt idx="951">
                  <c:v>-1</c:v>
                </c:pt>
                <c:pt idx="952">
                  <c:v>-1</c:v>
                </c:pt>
                <c:pt idx="953">
                  <c:v>-1</c:v>
                </c:pt>
                <c:pt idx="954">
                  <c:v>-1</c:v>
                </c:pt>
                <c:pt idx="955">
                  <c:v>-1</c:v>
                </c:pt>
                <c:pt idx="956">
                  <c:v>-1</c:v>
                </c:pt>
                <c:pt idx="957">
                  <c:v>-1</c:v>
                </c:pt>
                <c:pt idx="958">
                  <c:v>-1</c:v>
                </c:pt>
                <c:pt idx="959">
                  <c:v>-1</c:v>
                </c:pt>
                <c:pt idx="960">
                  <c:v>-1</c:v>
                </c:pt>
                <c:pt idx="961">
                  <c:v>-1</c:v>
                </c:pt>
                <c:pt idx="962">
                  <c:v>-1</c:v>
                </c:pt>
                <c:pt idx="963">
                  <c:v>-1</c:v>
                </c:pt>
                <c:pt idx="964">
                  <c:v>-1</c:v>
                </c:pt>
                <c:pt idx="965">
                  <c:v>-1</c:v>
                </c:pt>
                <c:pt idx="966">
                  <c:v>-1</c:v>
                </c:pt>
                <c:pt idx="967">
                  <c:v>-1</c:v>
                </c:pt>
                <c:pt idx="968">
                  <c:v>-1</c:v>
                </c:pt>
                <c:pt idx="969">
                  <c:v>-1</c:v>
                </c:pt>
                <c:pt idx="970">
                  <c:v>-1</c:v>
                </c:pt>
                <c:pt idx="971">
                  <c:v>-1</c:v>
                </c:pt>
                <c:pt idx="972">
                  <c:v>-1</c:v>
                </c:pt>
                <c:pt idx="973">
                  <c:v>-1</c:v>
                </c:pt>
                <c:pt idx="974">
                  <c:v>-1</c:v>
                </c:pt>
                <c:pt idx="975">
                  <c:v>-1</c:v>
                </c:pt>
                <c:pt idx="976">
                  <c:v>-1</c:v>
                </c:pt>
                <c:pt idx="977">
                  <c:v>-1</c:v>
                </c:pt>
                <c:pt idx="978">
                  <c:v>-1</c:v>
                </c:pt>
                <c:pt idx="979">
                  <c:v>-1</c:v>
                </c:pt>
                <c:pt idx="980">
                  <c:v>-1</c:v>
                </c:pt>
                <c:pt idx="981">
                  <c:v>-1</c:v>
                </c:pt>
                <c:pt idx="982">
                  <c:v>-1</c:v>
                </c:pt>
                <c:pt idx="983">
                  <c:v>-1</c:v>
                </c:pt>
                <c:pt idx="984">
                  <c:v>-1</c:v>
                </c:pt>
                <c:pt idx="985">
                  <c:v>-1</c:v>
                </c:pt>
                <c:pt idx="986">
                  <c:v>-1</c:v>
                </c:pt>
                <c:pt idx="987">
                  <c:v>-1</c:v>
                </c:pt>
                <c:pt idx="988">
                  <c:v>-1</c:v>
                </c:pt>
                <c:pt idx="989">
                  <c:v>-1</c:v>
                </c:pt>
                <c:pt idx="990">
                  <c:v>-1</c:v>
                </c:pt>
                <c:pt idx="991">
                  <c:v>-1</c:v>
                </c:pt>
                <c:pt idx="992">
                  <c:v>-1</c:v>
                </c:pt>
                <c:pt idx="993">
                  <c:v>-1</c:v>
                </c:pt>
                <c:pt idx="994">
                  <c:v>-1</c:v>
                </c:pt>
                <c:pt idx="995">
                  <c:v>-1</c:v>
                </c:pt>
                <c:pt idx="996">
                  <c:v>-1</c:v>
                </c:pt>
                <c:pt idx="997">
                  <c:v>-1</c:v>
                </c:pt>
                <c:pt idx="998">
                  <c:v>-1</c:v>
                </c:pt>
                <c:pt idx="999">
                  <c:v>-1</c:v>
                </c:pt>
                <c:pt idx="1000">
                  <c:v>-1</c:v>
                </c:pt>
                <c:pt idx="1001">
                  <c:v>-1</c:v>
                </c:pt>
                <c:pt idx="1002">
                  <c:v>-1</c:v>
                </c:pt>
                <c:pt idx="1003">
                  <c:v>-1</c:v>
                </c:pt>
                <c:pt idx="1004">
                  <c:v>-1</c:v>
                </c:pt>
                <c:pt idx="1005">
                  <c:v>-1.1000000000000001</c:v>
                </c:pt>
                <c:pt idx="1006">
                  <c:v>-1</c:v>
                </c:pt>
                <c:pt idx="1007">
                  <c:v>-1.1000000000000001</c:v>
                </c:pt>
                <c:pt idx="1008">
                  <c:v>-1.1000000000000001</c:v>
                </c:pt>
                <c:pt idx="1009">
                  <c:v>-1</c:v>
                </c:pt>
                <c:pt idx="1010">
                  <c:v>-1.1000000000000001</c:v>
                </c:pt>
                <c:pt idx="1011">
                  <c:v>-1</c:v>
                </c:pt>
                <c:pt idx="1012">
                  <c:v>-1</c:v>
                </c:pt>
                <c:pt idx="1013">
                  <c:v>-1</c:v>
                </c:pt>
                <c:pt idx="1014">
                  <c:v>-1</c:v>
                </c:pt>
                <c:pt idx="1015">
                  <c:v>-1</c:v>
                </c:pt>
                <c:pt idx="1016">
                  <c:v>-1</c:v>
                </c:pt>
                <c:pt idx="1017">
                  <c:v>-1</c:v>
                </c:pt>
                <c:pt idx="1018">
                  <c:v>-1</c:v>
                </c:pt>
                <c:pt idx="1019">
                  <c:v>-1</c:v>
                </c:pt>
                <c:pt idx="1020">
                  <c:v>-1</c:v>
                </c:pt>
                <c:pt idx="1021">
                  <c:v>-1</c:v>
                </c:pt>
                <c:pt idx="1022">
                  <c:v>-1</c:v>
                </c:pt>
                <c:pt idx="1023">
                  <c:v>-1.1000000000000001</c:v>
                </c:pt>
                <c:pt idx="1024">
                  <c:v>-1</c:v>
                </c:pt>
                <c:pt idx="1025">
                  <c:v>-1</c:v>
                </c:pt>
                <c:pt idx="1026">
                  <c:v>-1</c:v>
                </c:pt>
                <c:pt idx="1027">
                  <c:v>-1.1000000000000001</c:v>
                </c:pt>
                <c:pt idx="1028">
                  <c:v>-1.1000000000000001</c:v>
                </c:pt>
                <c:pt idx="1029">
                  <c:v>-1.1000000000000001</c:v>
                </c:pt>
                <c:pt idx="1030">
                  <c:v>-1.1000000000000001</c:v>
                </c:pt>
                <c:pt idx="1031">
                  <c:v>-1.1000000000000001</c:v>
                </c:pt>
                <c:pt idx="1032">
                  <c:v>-1.1000000000000001</c:v>
                </c:pt>
                <c:pt idx="1033">
                  <c:v>-1</c:v>
                </c:pt>
                <c:pt idx="1034">
                  <c:v>-1.1000000000000001</c:v>
                </c:pt>
                <c:pt idx="1035">
                  <c:v>-1.1000000000000001</c:v>
                </c:pt>
                <c:pt idx="1036">
                  <c:v>-1.1000000000000001</c:v>
                </c:pt>
                <c:pt idx="1037">
                  <c:v>-1.1000000000000001</c:v>
                </c:pt>
                <c:pt idx="1038">
                  <c:v>-1.1000000000000001</c:v>
                </c:pt>
                <c:pt idx="1039">
                  <c:v>-1.1000000000000001</c:v>
                </c:pt>
                <c:pt idx="1040">
                  <c:v>-1.1000000000000001</c:v>
                </c:pt>
                <c:pt idx="1041">
                  <c:v>-1.1000000000000001</c:v>
                </c:pt>
                <c:pt idx="1042">
                  <c:v>-1.1000000000000001</c:v>
                </c:pt>
                <c:pt idx="1043">
                  <c:v>-1.1000000000000001</c:v>
                </c:pt>
                <c:pt idx="1044">
                  <c:v>-1.1000000000000001</c:v>
                </c:pt>
                <c:pt idx="1045">
                  <c:v>-1.1000000000000001</c:v>
                </c:pt>
                <c:pt idx="1046">
                  <c:v>-1.1000000000000001</c:v>
                </c:pt>
                <c:pt idx="1047">
                  <c:v>-1.1000000000000001</c:v>
                </c:pt>
                <c:pt idx="1048">
                  <c:v>-1.1000000000000001</c:v>
                </c:pt>
                <c:pt idx="1049">
                  <c:v>-1.1000000000000001</c:v>
                </c:pt>
                <c:pt idx="1050">
                  <c:v>-1.1000000000000001</c:v>
                </c:pt>
                <c:pt idx="1051">
                  <c:v>-1.1000000000000001</c:v>
                </c:pt>
                <c:pt idx="1052">
                  <c:v>-1.1000000000000001</c:v>
                </c:pt>
                <c:pt idx="1053">
                  <c:v>-1.1000000000000001</c:v>
                </c:pt>
                <c:pt idx="1054">
                  <c:v>-1.1000000000000001</c:v>
                </c:pt>
                <c:pt idx="1055">
                  <c:v>-1.1000000000000001</c:v>
                </c:pt>
                <c:pt idx="1056">
                  <c:v>-1.1000000000000001</c:v>
                </c:pt>
                <c:pt idx="1057">
                  <c:v>-1.1000000000000001</c:v>
                </c:pt>
                <c:pt idx="1058">
                  <c:v>-1.1000000000000001</c:v>
                </c:pt>
                <c:pt idx="1059">
                  <c:v>-1.1000000000000001</c:v>
                </c:pt>
                <c:pt idx="1060">
                  <c:v>-1.1000000000000001</c:v>
                </c:pt>
                <c:pt idx="1061">
                  <c:v>-1.1000000000000001</c:v>
                </c:pt>
                <c:pt idx="1062">
                  <c:v>-1.1000000000000001</c:v>
                </c:pt>
                <c:pt idx="1063">
                  <c:v>-1.1000000000000001</c:v>
                </c:pt>
                <c:pt idx="1064">
                  <c:v>-1.1000000000000001</c:v>
                </c:pt>
                <c:pt idx="1065">
                  <c:v>-1.1000000000000001</c:v>
                </c:pt>
                <c:pt idx="1066">
                  <c:v>-1.1000000000000001</c:v>
                </c:pt>
                <c:pt idx="1067">
                  <c:v>-1.1000000000000001</c:v>
                </c:pt>
                <c:pt idx="1068">
                  <c:v>-1.1000000000000001</c:v>
                </c:pt>
                <c:pt idx="1069">
                  <c:v>-1.1000000000000001</c:v>
                </c:pt>
                <c:pt idx="1070">
                  <c:v>-1.1000000000000001</c:v>
                </c:pt>
                <c:pt idx="1071">
                  <c:v>-1.1000000000000001</c:v>
                </c:pt>
                <c:pt idx="1072">
                  <c:v>-1.1000000000000001</c:v>
                </c:pt>
                <c:pt idx="1073">
                  <c:v>-1.1000000000000001</c:v>
                </c:pt>
                <c:pt idx="1074">
                  <c:v>-1.1000000000000001</c:v>
                </c:pt>
                <c:pt idx="1075">
                  <c:v>-1.1000000000000001</c:v>
                </c:pt>
                <c:pt idx="1076">
                  <c:v>-1.1000000000000001</c:v>
                </c:pt>
                <c:pt idx="1077">
                  <c:v>-1.1000000000000001</c:v>
                </c:pt>
                <c:pt idx="1078">
                  <c:v>-1.1000000000000001</c:v>
                </c:pt>
                <c:pt idx="1079">
                  <c:v>-1.1000000000000001</c:v>
                </c:pt>
                <c:pt idx="1080">
                  <c:v>-1.1000000000000001</c:v>
                </c:pt>
                <c:pt idx="1081">
                  <c:v>-1.2</c:v>
                </c:pt>
                <c:pt idx="1082">
                  <c:v>-1.1000000000000001</c:v>
                </c:pt>
                <c:pt idx="1083">
                  <c:v>-1.2</c:v>
                </c:pt>
                <c:pt idx="1084">
                  <c:v>-1.2</c:v>
                </c:pt>
                <c:pt idx="1085">
                  <c:v>-1.2</c:v>
                </c:pt>
                <c:pt idx="1086">
                  <c:v>-1.2</c:v>
                </c:pt>
                <c:pt idx="1087">
                  <c:v>-1.2</c:v>
                </c:pt>
                <c:pt idx="1088">
                  <c:v>-1.2</c:v>
                </c:pt>
                <c:pt idx="1089">
                  <c:v>-1.2</c:v>
                </c:pt>
                <c:pt idx="1090">
                  <c:v>-1.2</c:v>
                </c:pt>
                <c:pt idx="1091">
                  <c:v>-1.2</c:v>
                </c:pt>
                <c:pt idx="1092">
                  <c:v>-1.2</c:v>
                </c:pt>
                <c:pt idx="1093">
                  <c:v>-1.2</c:v>
                </c:pt>
                <c:pt idx="1094">
                  <c:v>-1.2</c:v>
                </c:pt>
                <c:pt idx="1095">
                  <c:v>-1.2</c:v>
                </c:pt>
                <c:pt idx="1096">
                  <c:v>-1.2</c:v>
                </c:pt>
                <c:pt idx="1097">
                  <c:v>-1.2</c:v>
                </c:pt>
                <c:pt idx="1098">
                  <c:v>-1.2</c:v>
                </c:pt>
                <c:pt idx="1099">
                  <c:v>-1.2</c:v>
                </c:pt>
                <c:pt idx="1100">
                  <c:v>-1.2</c:v>
                </c:pt>
                <c:pt idx="1101">
                  <c:v>-1.2</c:v>
                </c:pt>
                <c:pt idx="1102">
                  <c:v>-1.2</c:v>
                </c:pt>
                <c:pt idx="1103">
                  <c:v>-1.2</c:v>
                </c:pt>
                <c:pt idx="1104">
                  <c:v>-1.2</c:v>
                </c:pt>
                <c:pt idx="1105">
                  <c:v>-1.2</c:v>
                </c:pt>
                <c:pt idx="1106">
                  <c:v>-1.2</c:v>
                </c:pt>
                <c:pt idx="1107">
                  <c:v>-1.3</c:v>
                </c:pt>
                <c:pt idx="1108">
                  <c:v>-1.2</c:v>
                </c:pt>
                <c:pt idx="1109">
                  <c:v>-1.2</c:v>
                </c:pt>
                <c:pt idx="1110">
                  <c:v>-1.2</c:v>
                </c:pt>
                <c:pt idx="1111">
                  <c:v>-1.3</c:v>
                </c:pt>
                <c:pt idx="1112">
                  <c:v>-1.2</c:v>
                </c:pt>
                <c:pt idx="1113">
                  <c:v>-1.3</c:v>
                </c:pt>
                <c:pt idx="1114">
                  <c:v>-1.3</c:v>
                </c:pt>
                <c:pt idx="1115">
                  <c:v>-1.3</c:v>
                </c:pt>
                <c:pt idx="1116">
                  <c:v>-1.3</c:v>
                </c:pt>
                <c:pt idx="1117">
                  <c:v>-1.3</c:v>
                </c:pt>
                <c:pt idx="1118">
                  <c:v>-1.3</c:v>
                </c:pt>
                <c:pt idx="1119">
                  <c:v>-1.3</c:v>
                </c:pt>
                <c:pt idx="1120">
                  <c:v>-1.3</c:v>
                </c:pt>
                <c:pt idx="1121">
                  <c:v>-1.3</c:v>
                </c:pt>
                <c:pt idx="1122">
                  <c:v>-1.3</c:v>
                </c:pt>
                <c:pt idx="1123">
                  <c:v>-1.3</c:v>
                </c:pt>
                <c:pt idx="1124">
                  <c:v>-1.3</c:v>
                </c:pt>
                <c:pt idx="1125">
                  <c:v>-1.3</c:v>
                </c:pt>
                <c:pt idx="1126">
                  <c:v>-1.3</c:v>
                </c:pt>
                <c:pt idx="1127">
                  <c:v>-1.3</c:v>
                </c:pt>
                <c:pt idx="1128">
                  <c:v>-1.3</c:v>
                </c:pt>
                <c:pt idx="1129">
                  <c:v>-1.3</c:v>
                </c:pt>
                <c:pt idx="1130">
                  <c:v>-1.3</c:v>
                </c:pt>
                <c:pt idx="1131">
                  <c:v>-1.3</c:v>
                </c:pt>
                <c:pt idx="1132">
                  <c:v>-1.3</c:v>
                </c:pt>
                <c:pt idx="1133">
                  <c:v>-1.3</c:v>
                </c:pt>
                <c:pt idx="1134">
                  <c:v>-1.3</c:v>
                </c:pt>
                <c:pt idx="1135">
                  <c:v>-1.3</c:v>
                </c:pt>
                <c:pt idx="1136">
                  <c:v>-1.3</c:v>
                </c:pt>
                <c:pt idx="1137">
                  <c:v>-1.3</c:v>
                </c:pt>
                <c:pt idx="1138">
                  <c:v>-1.3</c:v>
                </c:pt>
                <c:pt idx="1139">
                  <c:v>-1.3</c:v>
                </c:pt>
                <c:pt idx="1140">
                  <c:v>-1.3</c:v>
                </c:pt>
                <c:pt idx="1141">
                  <c:v>-1.3</c:v>
                </c:pt>
                <c:pt idx="1142">
                  <c:v>-1.3</c:v>
                </c:pt>
                <c:pt idx="1143">
                  <c:v>-1.3</c:v>
                </c:pt>
                <c:pt idx="1144">
                  <c:v>-1.3</c:v>
                </c:pt>
                <c:pt idx="1145">
                  <c:v>-1.3</c:v>
                </c:pt>
                <c:pt idx="1146">
                  <c:v>-1.3</c:v>
                </c:pt>
                <c:pt idx="1147">
                  <c:v>-1.3</c:v>
                </c:pt>
                <c:pt idx="1148">
                  <c:v>-1.3</c:v>
                </c:pt>
                <c:pt idx="1149">
                  <c:v>-1.3</c:v>
                </c:pt>
                <c:pt idx="1150">
                  <c:v>-1.4</c:v>
                </c:pt>
                <c:pt idx="1151">
                  <c:v>-1.4</c:v>
                </c:pt>
                <c:pt idx="1152">
                  <c:v>-1.4</c:v>
                </c:pt>
                <c:pt idx="1153">
                  <c:v>-1.4</c:v>
                </c:pt>
                <c:pt idx="1154">
                  <c:v>-1.4</c:v>
                </c:pt>
                <c:pt idx="1155">
                  <c:v>-1.4</c:v>
                </c:pt>
                <c:pt idx="1156">
                  <c:v>-1.4</c:v>
                </c:pt>
                <c:pt idx="1157">
                  <c:v>-1.4</c:v>
                </c:pt>
                <c:pt idx="1158">
                  <c:v>-1.4</c:v>
                </c:pt>
                <c:pt idx="1159">
                  <c:v>-1.4</c:v>
                </c:pt>
                <c:pt idx="1160">
                  <c:v>-1.4</c:v>
                </c:pt>
                <c:pt idx="1161">
                  <c:v>-1.4</c:v>
                </c:pt>
                <c:pt idx="1162">
                  <c:v>-1.4</c:v>
                </c:pt>
                <c:pt idx="1163">
                  <c:v>-1.4</c:v>
                </c:pt>
                <c:pt idx="1164">
                  <c:v>-1.4</c:v>
                </c:pt>
                <c:pt idx="1165">
                  <c:v>-1.4</c:v>
                </c:pt>
                <c:pt idx="1166">
                  <c:v>-1.4</c:v>
                </c:pt>
                <c:pt idx="1167">
                  <c:v>-1.4</c:v>
                </c:pt>
                <c:pt idx="1168">
                  <c:v>-1.4</c:v>
                </c:pt>
                <c:pt idx="1169">
                  <c:v>-1.4</c:v>
                </c:pt>
                <c:pt idx="1170">
                  <c:v>-1.4</c:v>
                </c:pt>
                <c:pt idx="1171">
                  <c:v>-1.4</c:v>
                </c:pt>
                <c:pt idx="1172">
                  <c:v>-1.4</c:v>
                </c:pt>
                <c:pt idx="1173">
                  <c:v>-1.4</c:v>
                </c:pt>
                <c:pt idx="1174">
                  <c:v>-1.4</c:v>
                </c:pt>
                <c:pt idx="1175">
                  <c:v>-1.4</c:v>
                </c:pt>
                <c:pt idx="1176">
                  <c:v>-1.4</c:v>
                </c:pt>
                <c:pt idx="1177">
                  <c:v>-1.4</c:v>
                </c:pt>
                <c:pt idx="1178">
                  <c:v>-1.4</c:v>
                </c:pt>
                <c:pt idx="1179">
                  <c:v>-1.4</c:v>
                </c:pt>
                <c:pt idx="1180">
                  <c:v>-1.4</c:v>
                </c:pt>
                <c:pt idx="1181">
                  <c:v>-1.4</c:v>
                </c:pt>
                <c:pt idx="1182">
                  <c:v>-1.4</c:v>
                </c:pt>
                <c:pt idx="1183">
                  <c:v>-1.4</c:v>
                </c:pt>
                <c:pt idx="1184">
                  <c:v>-1.4</c:v>
                </c:pt>
                <c:pt idx="1185">
                  <c:v>-1.4</c:v>
                </c:pt>
                <c:pt idx="1186">
                  <c:v>-1.4</c:v>
                </c:pt>
                <c:pt idx="1187">
                  <c:v>-1.4</c:v>
                </c:pt>
                <c:pt idx="1188">
                  <c:v>-1.4</c:v>
                </c:pt>
                <c:pt idx="1189">
                  <c:v>-1.4</c:v>
                </c:pt>
                <c:pt idx="1190">
                  <c:v>-1.4</c:v>
                </c:pt>
                <c:pt idx="1191">
                  <c:v>-1.4</c:v>
                </c:pt>
                <c:pt idx="1192">
                  <c:v>-1.4</c:v>
                </c:pt>
                <c:pt idx="1193">
                  <c:v>-1.4</c:v>
                </c:pt>
                <c:pt idx="1194">
                  <c:v>-1.4</c:v>
                </c:pt>
                <c:pt idx="1195">
                  <c:v>-1.4</c:v>
                </c:pt>
                <c:pt idx="1196">
                  <c:v>-1.4</c:v>
                </c:pt>
                <c:pt idx="1197">
                  <c:v>-1.4</c:v>
                </c:pt>
                <c:pt idx="1198">
                  <c:v>-1.4</c:v>
                </c:pt>
                <c:pt idx="1199">
                  <c:v>-1.4</c:v>
                </c:pt>
                <c:pt idx="1200">
                  <c:v>-1.4</c:v>
                </c:pt>
                <c:pt idx="1201">
                  <c:v>-1.4</c:v>
                </c:pt>
                <c:pt idx="1202">
                  <c:v>-1.4</c:v>
                </c:pt>
                <c:pt idx="1203">
                  <c:v>-1.4</c:v>
                </c:pt>
                <c:pt idx="1204">
                  <c:v>-1.4</c:v>
                </c:pt>
                <c:pt idx="1205">
                  <c:v>-1.4</c:v>
                </c:pt>
                <c:pt idx="1206">
                  <c:v>-1.4</c:v>
                </c:pt>
                <c:pt idx="1207">
                  <c:v>-1.4</c:v>
                </c:pt>
                <c:pt idx="1208">
                  <c:v>-1.4</c:v>
                </c:pt>
                <c:pt idx="1209">
                  <c:v>-1.4</c:v>
                </c:pt>
                <c:pt idx="1210">
                  <c:v>-1.4</c:v>
                </c:pt>
                <c:pt idx="1211">
                  <c:v>-1.4</c:v>
                </c:pt>
                <c:pt idx="1212">
                  <c:v>-1.4</c:v>
                </c:pt>
                <c:pt idx="1213">
                  <c:v>-1.4</c:v>
                </c:pt>
                <c:pt idx="1214">
                  <c:v>-1.4</c:v>
                </c:pt>
                <c:pt idx="1215">
                  <c:v>-1.4</c:v>
                </c:pt>
                <c:pt idx="1216">
                  <c:v>-1.4</c:v>
                </c:pt>
                <c:pt idx="1217">
                  <c:v>-1.4</c:v>
                </c:pt>
                <c:pt idx="1218">
                  <c:v>-1.4</c:v>
                </c:pt>
                <c:pt idx="1219">
                  <c:v>-1.4</c:v>
                </c:pt>
                <c:pt idx="1220">
                  <c:v>-1.4</c:v>
                </c:pt>
                <c:pt idx="1221">
                  <c:v>-1.4</c:v>
                </c:pt>
                <c:pt idx="1222">
                  <c:v>-1.4</c:v>
                </c:pt>
                <c:pt idx="1223">
                  <c:v>-1.4</c:v>
                </c:pt>
                <c:pt idx="1224">
                  <c:v>-1.4</c:v>
                </c:pt>
                <c:pt idx="1225">
                  <c:v>-1.4</c:v>
                </c:pt>
                <c:pt idx="1226">
                  <c:v>-1.4</c:v>
                </c:pt>
                <c:pt idx="1227">
                  <c:v>-1.4</c:v>
                </c:pt>
                <c:pt idx="1228">
                  <c:v>-1.4</c:v>
                </c:pt>
                <c:pt idx="1229">
                  <c:v>-1.4</c:v>
                </c:pt>
                <c:pt idx="1230">
                  <c:v>-1.4</c:v>
                </c:pt>
                <c:pt idx="1231">
                  <c:v>-1.4</c:v>
                </c:pt>
                <c:pt idx="1232">
                  <c:v>-1.4</c:v>
                </c:pt>
                <c:pt idx="1233">
                  <c:v>-1.4</c:v>
                </c:pt>
                <c:pt idx="1234">
                  <c:v>-1.4</c:v>
                </c:pt>
                <c:pt idx="1235">
                  <c:v>-1.4</c:v>
                </c:pt>
                <c:pt idx="1236">
                  <c:v>-1.4</c:v>
                </c:pt>
                <c:pt idx="1237">
                  <c:v>-1.4</c:v>
                </c:pt>
                <c:pt idx="1238">
                  <c:v>-1.4</c:v>
                </c:pt>
                <c:pt idx="1239">
                  <c:v>-1.4</c:v>
                </c:pt>
                <c:pt idx="1240">
                  <c:v>-1.4</c:v>
                </c:pt>
                <c:pt idx="1241">
                  <c:v>-1.4</c:v>
                </c:pt>
                <c:pt idx="1242">
                  <c:v>-1.4</c:v>
                </c:pt>
                <c:pt idx="1243">
                  <c:v>-1.4</c:v>
                </c:pt>
                <c:pt idx="1244">
                  <c:v>-1.4</c:v>
                </c:pt>
                <c:pt idx="1245">
                  <c:v>-1.4</c:v>
                </c:pt>
                <c:pt idx="1246">
                  <c:v>-1.4</c:v>
                </c:pt>
                <c:pt idx="1247">
                  <c:v>-1.4</c:v>
                </c:pt>
                <c:pt idx="1248">
                  <c:v>-1.4</c:v>
                </c:pt>
                <c:pt idx="1249">
                  <c:v>-1.4</c:v>
                </c:pt>
                <c:pt idx="1250">
                  <c:v>-1.4</c:v>
                </c:pt>
                <c:pt idx="1251">
                  <c:v>-1.4</c:v>
                </c:pt>
                <c:pt idx="1252">
                  <c:v>-1.4</c:v>
                </c:pt>
                <c:pt idx="1253">
                  <c:v>-1.4</c:v>
                </c:pt>
                <c:pt idx="1254">
                  <c:v>-1.4</c:v>
                </c:pt>
                <c:pt idx="1255">
                  <c:v>-1.4</c:v>
                </c:pt>
                <c:pt idx="1256">
                  <c:v>-1.4</c:v>
                </c:pt>
                <c:pt idx="1257">
                  <c:v>-1.4</c:v>
                </c:pt>
                <c:pt idx="1258">
                  <c:v>-1.4</c:v>
                </c:pt>
                <c:pt idx="1259">
                  <c:v>-1.4</c:v>
                </c:pt>
                <c:pt idx="1260">
                  <c:v>-1.4</c:v>
                </c:pt>
                <c:pt idx="1261">
                  <c:v>-1.4</c:v>
                </c:pt>
                <c:pt idx="1262">
                  <c:v>-1.4</c:v>
                </c:pt>
                <c:pt idx="1263">
                  <c:v>-1.4</c:v>
                </c:pt>
                <c:pt idx="1264">
                  <c:v>-1.4</c:v>
                </c:pt>
                <c:pt idx="1265">
                  <c:v>-1.4</c:v>
                </c:pt>
                <c:pt idx="1266">
                  <c:v>-1.4</c:v>
                </c:pt>
                <c:pt idx="1267">
                  <c:v>-1.4</c:v>
                </c:pt>
                <c:pt idx="1268">
                  <c:v>-1.4</c:v>
                </c:pt>
                <c:pt idx="1269">
                  <c:v>-1.4</c:v>
                </c:pt>
                <c:pt idx="1270">
                  <c:v>-1.4</c:v>
                </c:pt>
                <c:pt idx="1271">
                  <c:v>-1.4</c:v>
                </c:pt>
                <c:pt idx="1272">
                  <c:v>-1.4</c:v>
                </c:pt>
                <c:pt idx="1273">
                  <c:v>-1.4</c:v>
                </c:pt>
                <c:pt idx="1274">
                  <c:v>-1.4</c:v>
                </c:pt>
                <c:pt idx="1275">
                  <c:v>-1.4</c:v>
                </c:pt>
                <c:pt idx="1276">
                  <c:v>-1.5</c:v>
                </c:pt>
                <c:pt idx="1277">
                  <c:v>-1.4</c:v>
                </c:pt>
                <c:pt idx="1278">
                  <c:v>-1.5</c:v>
                </c:pt>
                <c:pt idx="1279">
                  <c:v>-1.5</c:v>
                </c:pt>
                <c:pt idx="1280">
                  <c:v>-1.4</c:v>
                </c:pt>
                <c:pt idx="1281">
                  <c:v>-1.4</c:v>
                </c:pt>
                <c:pt idx="1282">
                  <c:v>-1.4</c:v>
                </c:pt>
                <c:pt idx="1283">
                  <c:v>-1.4</c:v>
                </c:pt>
                <c:pt idx="1284">
                  <c:v>-1.4</c:v>
                </c:pt>
                <c:pt idx="1285">
                  <c:v>-1.5</c:v>
                </c:pt>
                <c:pt idx="1286">
                  <c:v>-1.5</c:v>
                </c:pt>
                <c:pt idx="1287">
                  <c:v>-1.5</c:v>
                </c:pt>
                <c:pt idx="1288">
                  <c:v>-1.4</c:v>
                </c:pt>
                <c:pt idx="1289">
                  <c:v>-1.4</c:v>
                </c:pt>
                <c:pt idx="1290">
                  <c:v>-1.4</c:v>
                </c:pt>
                <c:pt idx="1291">
                  <c:v>-1.4</c:v>
                </c:pt>
                <c:pt idx="1292">
                  <c:v>-1.4</c:v>
                </c:pt>
                <c:pt idx="1293">
                  <c:v>-1.4</c:v>
                </c:pt>
                <c:pt idx="1294">
                  <c:v>-1.4</c:v>
                </c:pt>
                <c:pt idx="1295">
                  <c:v>-1.5</c:v>
                </c:pt>
                <c:pt idx="1296">
                  <c:v>-1.5</c:v>
                </c:pt>
                <c:pt idx="1297">
                  <c:v>-1.5</c:v>
                </c:pt>
                <c:pt idx="1298">
                  <c:v>-1.4</c:v>
                </c:pt>
                <c:pt idx="1299">
                  <c:v>-1.4</c:v>
                </c:pt>
                <c:pt idx="1300">
                  <c:v>-1.4</c:v>
                </c:pt>
                <c:pt idx="1301">
                  <c:v>-1.5</c:v>
                </c:pt>
                <c:pt idx="1302">
                  <c:v>-1.4</c:v>
                </c:pt>
                <c:pt idx="1303">
                  <c:v>-1.4</c:v>
                </c:pt>
                <c:pt idx="1304">
                  <c:v>-1.4</c:v>
                </c:pt>
                <c:pt idx="1305">
                  <c:v>-1.4</c:v>
                </c:pt>
                <c:pt idx="1306">
                  <c:v>-1.5</c:v>
                </c:pt>
                <c:pt idx="1307">
                  <c:v>-1.4</c:v>
                </c:pt>
                <c:pt idx="1308">
                  <c:v>-1.4</c:v>
                </c:pt>
                <c:pt idx="1309">
                  <c:v>-1.4</c:v>
                </c:pt>
                <c:pt idx="1310">
                  <c:v>-1.4</c:v>
                </c:pt>
                <c:pt idx="1311">
                  <c:v>-1.5</c:v>
                </c:pt>
                <c:pt idx="1312">
                  <c:v>-1.5</c:v>
                </c:pt>
                <c:pt idx="1313">
                  <c:v>-1.4</c:v>
                </c:pt>
                <c:pt idx="1314">
                  <c:v>-1.4</c:v>
                </c:pt>
                <c:pt idx="1315">
                  <c:v>-1.5</c:v>
                </c:pt>
                <c:pt idx="1316">
                  <c:v>-1.4</c:v>
                </c:pt>
                <c:pt idx="1317">
                  <c:v>-1.4</c:v>
                </c:pt>
                <c:pt idx="1318">
                  <c:v>-1.4</c:v>
                </c:pt>
                <c:pt idx="1319">
                  <c:v>-1.4</c:v>
                </c:pt>
                <c:pt idx="1320">
                  <c:v>-1.5</c:v>
                </c:pt>
                <c:pt idx="1321">
                  <c:v>-1.5</c:v>
                </c:pt>
                <c:pt idx="1322">
                  <c:v>-1.4</c:v>
                </c:pt>
                <c:pt idx="1323">
                  <c:v>-1.5</c:v>
                </c:pt>
                <c:pt idx="1324">
                  <c:v>-1.5</c:v>
                </c:pt>
                <c:pt idx="1325">
                  <c:v>-1.5</c:v>
                </c:pt>
                <c:pt idx="1326">
                  <c:v>-1.5</c:v>
                </c:pt>
                <c:pt idx="1327">
                  <c:v>-1.5</c:v>
                </c:pt>
                <c:pt idx="1328">
                  <c:v>-1.5</c:v>
                </c:pt>
                <c:pt idx="1329">
                  <c:v>-1.5</c:v>
                </c:pt>
                <c:pt idx="1330">
                  <c:v>-1.5</c:v>
                </c:pt>
                <c:pt idx="1331">
                  <c:v>-1.5</c:v>
                </c:pt>
                <c:pt idx="1332">
                  <c:v>-1.5</c:v>
                </c:pt>
                <c:pt idx="1333">
                  <c:v>-1.5</c:v>
                </c:pt>
                <c:pt idx="1334">
                  <c:v>-1.5</c:v>
                </c:pt>
                <c:pt idx="1335">
                  <c:v>-1.5</c:v>
                </c:pt>
                <c:pt idx="1336">
                  <c:v>-1.5</c:v>
                </c:pt>
                <c:pt idx="1337">
                  <c:v>-1.5</c:v>
                </c:pt>
                <c:pt idx="1338">
                  <c:v>-1.5</c:v>
                </c:pt>
                <c:pt idx="1339">
                  <c:v>-1.5</c:v>
                </c:pt>
                <c:pt idx="1340">
                  <c:v>-1.5</c:v>
                </c:pt>
                <c:pt idx="1341">
                  <c:v>-1.5</c:v>
                </c:pt>
                <c:pt idx="1342">
                  <c:v>-1.5</c:v>
                </c:pt>
                <c:pt idx="1343">
                  <c:v>-1.5</c:v>
                </c:pt>
                <c:pt idx="1344">
                  <c:v>-1.5</c:v>
                </c:pt>
                <c:pt idx="1345">
                  <c:v>-1.5</c:v>
                </c:pt>
                <c:pt idx="1346">
                  <c:v>-1.5</c:v>
                </c:pt>
                <c:pt idx="1347">
                  <c:v>-1.5</c:v>
                </c:pt>
                <c:pt idx="1348">
                  <c:v>-1.5</c:v>
                </c:pt>
                <c:pt idx="1349">
                  <c:v>-1.5</c:v>
                </c:pt>
                <c:pt idx="1350">
                  <c:v>-1.5</c:v>
                </c:pt>
                <c:pt idx="1351">
                  <c:v>-1.5</c:v>
                </c:pt>
                <c:pt idx="1352">
                  <c:v>-1.5</c:v>
                </c:pt>
                <c:pt idx="1353">
                  <c:v>-1.5</c:v>
                </c:pt>
                <c:pt idx="1354">
                  <c:v>-1.5</c:v>
                </c:pt>
                <c:pt idx="1355">
                  <c:v>-1.5</c:v>
                </c:pt>
                <c:pt idx="1356">
                  <c:v>-1.5</c:v>
                </c:pt>
                <c:pt idx="1357">
                  <c:v>-1.5</c:v>
                </c:pt>
                <c:pt idx="1358">
                  <c:v>-1.5</c:v>
                </c:pt>
                <c:pt idx="1359">
                  <c:v>-1.5</c:v>
                </c:pt>
                <c:pt idx="1360">
                  <c:v>-1.5</c:v>
                </c:pt>
                <c:pt idx="1361">
                  <c:v>-1.5</c:v>
                </c:pt>
                <c:pt idx="1362">
                  <c:v>-1.5</c:v>
                </c:pt>
                <c:pt idx="1363">
                  <c:v>-1.5</c:v>
                </c:pt>
                <c:pt idx="1364">
                  <c:v>-1.5</c:v>
                </c:pt>
                <c:pt idx="1365">
                  <c:v>-1.4</c:v>
                </c:pt>
                <c:pt idx="1366">
                  <c:v>-1.5</c:v>
                </c:pt>
                <c:pt idx="1367">
                  <c:v>-1.5</c:v>
                </c:pt>
                <c:pt idx="1368">
                  <c:v>-1.5</c:v>
                </c:pt>
                <c:pt idx="1369">
                  <c:v>-1.5</c:v>
                </c:pt>
                <c:pt idx="1370">
                  <c:v>-1.5</c:v>
                </c:pt>
                <c:pt idx="1371">
                  <c:v>-1.5</c:v>
                </c:pt>
                <c:pt idx="1372">
                  <c:v>-1.5</c:v>
                </c:pt>
                <c:pt idx="1373">
                  <c:v>-1.5</c:v>
                </c:pt>
                <c:pt idx="1374">
                  <c:v>-1.5</c:v>
                </c:pt>
                <c:pt idx="1375">
                  <c:v>-1.5</c:v>
                </c:pt>
                <c:pt idx="1376">
                  <c:v>-1.5</c:v>
                </c:pt>
                <c:pt idx="1377">
                  <c:v>-1.5</c:v>
                </c:pt>
                <c:pt idx="1378">
                  <c:v>-1.5</c:v>
                </c:pt>
                <c:pt idx="1379">
                  <c:v>-1.5</c:v>
                </c:pt>
                <c:pt idx="1380">
                  <c:v>-1.5</c:v>
                </c:pt>
                <c:pt idx="1381">
                  <c:v>-1.5</c:v>
                </c:pt>
                <c:pt idx="1382">
                  <c:v>-1.5</c:v>
                </c:pt>
                <c:pt idx="1383">
                  <c:v>-1.5</c:v>
                </c:pt>
                <c:pt idx="1384">
                  <c:v>-1.5</c:v>
                </c:pt>
                <c:pt idx="1385">
                  <c:v>-1.5</c:v>
                </c:pt>
                <c:pt idx="1386">
                  <c:v>-1.5</c:v>
                </c:pt>
                <c:pt idx="1387">
                  <c:v>-1.5</c:v>
                </c:pt>
                <c:pt idx="1388">
                  <c:v>-1.5</c:v>
                </c:pt>
                <c:pt idx="1389">
                  <c:v>-1.5</c:v>
                </c:pt>
                <c:pt idx="1390">
                  <c:v>-1.5</c:v>
                </c:pt>
                <c:pt idx="1391">
                  <c:v>-1.5</c:v>
                </c:pt>
                <c:pt idx="1392">
                  <c:v>-1.5</c:v>
                </c:pt>
                <c:pt idx="1393">
                  <c:v>-1.5</c:v>
                </c:pt>
                <c:pt idx="1394">
                  <c:v>-1.5</c:v>
                </c:pt>
                <c:pt idx="1395">
                  <c:v>-1.5</c:v>
                </c:pt>
                <c:pt idx="1396">
                  <c:v>-1.5</c:v>
                </c:pt>
                <c:pt idx="1397">
                  <c:v>-1.5</c:v>
                </c:pt>
                <c:pt idx="1398">
                  <c:v>-1.5</c:v>
                </c:pt>
                <c:pt idx="1399">
                  <c:v>-1.5</c:v>
                </c:pt>
                <c:pt idx="1400">
                  <c:v>-1.5</c:v>
                </c:pt>
                <c:pt idx="1401">
                  <c:v>-1.5</c:v>
                </c:pt>
                <c:pt idx="1402">
                  <c:v>-1.5</c:v>
                </c:pt>
                <c:pt idx="1403">
                  <c:v>-1.5</c:v>
                </c:pt>
                <c:pt idx="1404">
                  <c:v>-1.5</c:v>
                </c:pt>
                <c:pt idx="1405">
                  <c:v>-1.5</c:v>
                </c:pt>
                <c:pt idx="1406">
                  <c:v>-1.5</c:v>
                </c:pt>
                <c:pt idx="1407">
                  <c:v>-1.5</c:v>
                </c:pt>
                <c:pt idx="1408">
                  <c:v>-1.5</c:v>
                </c:pt>
                <c:pt idx="1409">
                  <c:v>-1.5</c:v>
                </c:pt>
                <c:pt idx="1410">
                  <c:v>-1.5</c:v>
                </c:pt>
                <c:pt idx="1411">
                  <c:v>-1.5</c:v>
                </c:pt>
                <c:pt idx="1412">
                  <c:v>-1.5</c:v>
                </c:pt>
                <c:pt idx="1413">
                  <c:v>-1.5</c:v>
                </c:pt>
                <c:pt idx="1414">
                  <c:v>-1.5</c:v>
                </c:pt>
                <c:pt idx="1415">
                  <c:v>-1.5</c:v>
                </c:pt>
                <c:pt idx="1416">
                  <c:v>-1.5</c:v>
                </c:pt>
                <c:pt idx="1417">
                  <c:v>-1.5</c:v>
                </c:pt>
                <c:pt idx="1418">
                  <c:v>-1.5</c:v>
                </c:pt>
                <c:pt idx="1419">
                  <c:v>-1.5</c:v>
                </c:pt>
                <c:pt idx="1420">
                  <c:v>-1.5</c:v>
                </c:pt>
                <c:pt idx="1421">
                  <c:v>-1.6</c:v>
                </c:pt>
                <c:pt idx="1422">
                  <c:v>-1.6</c:v>
                </c:pt>
                <c:pt idx="1423">
                  <c:v>-1.6</c:v>
                </c:pt>
                <c:pt idx="1424">
                  <c:v>-1.6</c:v>
                </c:pt>
                <c:pt idx="1425">
                  <c:v>-1.6</c:v>
                </c:pt>
                <c:pt idx="1426">
                  <c:v>-1.6</c:v>
                </c:pt>
                <c:pt idx="1427">
                  <c:v>-1.6</c:v>
                </c:pt>
                <c:pt idx="1428">
                  <c:v>-1.6</c:v>
                </c:pt>
                <c:pt idx="1429">
                  <c:v>-1.6</c:v>
                </c:pt>
                <c:pt idx="1430">
                  <c:v>-1.6</c:v>
                </c:pt>
                <c:pt idx="1431">
                  <c:v>-1.6</c:v>
                </c:pt>
                <c:pt idx="1432">
                  <c:v>-1.6</c:v>
                </c:pt>
                <c:pt idx="1433">
                  <c:v>-1.6</c:v>
                </c:pt>
                <c:pt idx="1434">
                  <c:v>-1.6</c:v>
                </c:pt>
                <c:pt idx="1435">
                  <c:v>-1.6</c:v>
                </c:pt>
                <c:pt idx="1436">
                  <c:v>-1.6</c:v>
                </c:pt>
                <c:pt idx="1437">
                  <c:v>-1.6</c:v>
                </c:pt>
                <c:pt idx="1438">
                  <c:v>-1.6</c:v>
                </c:pt>
                <c:pt idx="1439">
                  <c:v>-1.6</c:v>
                </c:pt>
                <c:pt idx="1440">
                  <c:v>-1.6</c:v>
                </c:pt>
                <c:pt idx="1441">
                  <c:v>-1.6</c:v>
                </c:pt>
                <c:pt idx="1442">
                  <c:v>-1.6</c:v>
                </c:pt>
                <c:pt idx="1443">
                  <c:v>-1.6</c:v>
                </c:pt>
                <c:pt idx="1444">
                  <c:v>-1.6</c:v>
                </c:pt>
                <c:pt idx="1445">
                  <c:v>-1.6</c:v>
                </c:pt>
                <c:pt idx="1446">
                  <c:v>-1.6</c:v>
                </c:pt>
                <c:pt idx="1447">
                  <c:v>-1.6</c:v>
                </c:pt>
                <c:pt idx="1448">
                  <c:v>-1.6</c:v>
                </c:pt>
                <c:pt idx="1449">
                  <c:v>-1.5</c:v>
                </c:pt>
                <c:pt idx="1450">
                  <c:v>-1.6</c:v>
                </c:pt>
                <c:pt idx="1451">
                  <c:v>-1.6</c:v>
                </c:pt>
                <c:pt idx="1452">
                  <c:v>-1.6</c:v>
                </c:pt>
                <c:pt idx="1453">
                  <c:v>-1.6</c:v>
                </c:pt>
                <c:pt idx="1454">
                  <c:v>-1.6</c:v>
                </c:pt>
                <c:pt idx="1455">
                  <c:v>-1.6</c:v>
                </c:pt>
                <c:pt idx="1456">
                  <c:v>-1.6</c:v>
                </c:pt>
                <c:pt idx="1457">
                  <c:v>-1.6</c:v>
                </c:pt>
                <c:pt idx="1458">
                  <c:v>-1.6</c:v>
                </c:pt>
                <c:pt idx="1459">
                  <c:v>-1.6</c:v>
                </c:pt>
                <c:pt idx="1460">
                  <c:v>-1.6</c:v>
                </c:pt>
                <c:pt idx="1461">
                  <c:v>-1.6</c:v>
                </c:pt>
                <c:pt idx="1462">
                  <c:v>-1.6</c:v>
                </c:pt>
                <c:pt idx="1463">
                  <c:v>-1.6</c:v>
                </c:pt>
                <c:pt idx="1464">
                  <c:v>-1.6</c:v>
                </c:pt>
                <c:pt idx="1465">
                  <c:v>-1.6</c:v>
                </c:pt>
                <c:pt idx="1466">
                  <c:v>-1.6</c:v>
                </c:pt>
                <c:pt idx="1467">
                  <c:v>-1.6</c:v>
                </c:pt>
                <c:pt idx="1468">
                  <c:v>-1.6</c:v>
                </c:pt>
                <c:pt idx="1469">
                  <c:v>-1.6</c:v>
                </c:pt>
                <c:pt idx="1470">
                  <c:v>-1.6</c:v>
                </c:pt>
                <c:pt idx="1471">
                  <c:v>-1.6</c:v>
                </c:pt>
                <c:pt idx="1472">
                  <c:v>-1.6</c:v>
                </c:pt>
                <c:pt idx="1473">
                  <c:v>-1.6</c:v>
                </c:pt>
                <c:pt idx="1474">
                  <c:v>-1.6</c:v>
                </c:pt>
                <c:pt idx="1475">
                  <c:v>-1.6</c:v>
                </c:pt>
                <c:pt idx="1476">
                  <c:v>-1.6</c:v>
                </c:pt>
                <c:pt idx="1477">
                  <c:v>-1.6</c:v>
                </c:pt>
                <c:pt idx="1478">
                  <c:v>-1.6</c:v>
                </c:pt>
                <c:pt idx="1479">
                  <c:v>-1.6</c:v>
                </c:pt>
                <c:pt idx="1480">
                  <c:v>-1.6</c:v>
                </c:pt>
                <c:pt idx="1481">
                  <c:v>-1.6</c:v>
                </c:pt>
                <c:pt idx="1482">
                  <c:v>-1.6</c:v>
                </c:pt>
                <c:pt idx="1483">
                  <c:v>-1.6</c:v>
                </c:pt>
                <c:pt idx="1484">
                  <c:v>-1.6</c:v>
                </c:pt>
                <c:pt idx="1485">
                  <c:v>-1.6</c:v>
                </c:pt>
                <c:pt idx="1486">
                  <c:v>-1.6</c:v>
                </c:pt>
                <c:pt idx="1487">
                  <c:v>-1.7</c:v>
                </c:pt>
                <c:pt idx="1488">
                  <c:v>-1.6</c:v>
                </c:pt>
                <c:pt idx="1489">
                  <c:v>-1.6</c:v>
                </c:pt>
                <c:pt idx="1490">
                  <c:v>-1.6</c:v>
                </c:pt>
                <c:pt idx="1491">
                  <c:v>-1.6</c:v>
                </c:pt>
                <c:pt idx="1492">
                  <c:v>-1.6</c:v>
                </c:pt>
                <c:pt idx="1493">
                  <c:v>-1.6</c:v>
                </c:pt>
                <c:pt idx="1494">
                  <c:v>-1.6</c:v>
                </c:pt>
                <c:pt idx="1495">
                  <c:v>-1.6</c:v>
                </c:pt>
                <c:pt idx="1496">
                  <c:v>-1.6</c:v>
                </c:pt>
                <c:pt idx="1497">
                  <c:v>-1.6</c:v>
                </c:pt>
                <c:pt idx="1498">
                  <c:v>-1.6</c:v>
                </c:pt>
                <c:pt idx="1499">
                  <c:v>-1.6</c:v>
                </c:pt>
                <c:pt idx="1500">
                  <c:v>-1.7</c:v>
                </c:pt>
                <c:pt idx="1501">
                  <c:v>-1.6</c:v>
                </c:pt>
                <c:pt idx="1502">
                  <c:v>-1.6</c:v>
                </c:pt>
                <c:pt idx="1503">
                  <c:v>-1.6</c:v>
                </c:pt>
                <c:pt idx="1504">
                  <c:v>-1.6</c:v>
                </c:pt>
                <c:pt idx="1505">
                  <c:v>-1.6</c:v>
                </c:pt>
                <c:pt idx="1506">
                  <c:v>-1.7</c:v>
                </c:pt>
                <c:pt idx="1507">
                  <c:v>-1.6</c:v>
                </c:pt>
                <c:pt idx="1508">
                  <c:v>-1.6</c:v>
                </c:pt>
                <c:pt idx="1509">
                  <c:v>-1.6</c:v>
                </c:pt>
                <c:pt idx="1510">
                  <c:v>-1.6</c:v>
                </c:pt>
                <c:pt idx="1511">
                  <c:v>-1.7</c:v>
                </c:pt>
                <c:pt idx="1512">
                  <c:v>-1.6</c:v>
                </c:pt>
                <c:pt idx="1513">
                  <c:v>-1.6</c:v>
                </c:pt>
                <c:pt idx="1514">
                  <c:v>-1.6</c:v>
                </c:pt>
                <c:pt idx="1515">
                  <c:v>-1.6</c:v>
                </c:pt>
                <c:pt idx="1516">
                  <c:v>-1.6</c:v>
                </c:pt>
                <c:pt idx="1517">
                  <c:v>-1.6</c:v>
                </c:pt>
                <c:pt idx="1518">
                  <c:v>-1.6</c:v>
                </c:pt>
                <c:pt idx="1519">
                  <c:v>-1.6</c:v>
                </c:pt>
                <c:pt idx="1520">
                  <c:v>-1.6</c:v>
                </c:pt>
                <c:pt idx="1521">
                  <c:v>-1.6</c:v>
                </c:pt>
                <c:pt idx="1522">
                  <c:v>-1.6</c:v>
                </c:pt>
                <c:pt idx="1523">
                  <c:v>-1.6</c:v>
                </c:pt>
                <c:pt idx="1524">
                  <c:v>-1.6</c:v>
                </c:pt>
                <c:pt idx="1525">
                  <c:v>-1.6</c:v>
                </c:pt>
                <c:pt idx="1526">
                  <c:v>-1.6</c:v>
                </c:pt>
                <c:pt idx="1527">
                  <c:v>-1.6</c:v>
                </c:pt>
                <c:pt idx="1528">
                  <c:v>-1.6</c:v>
                </c:pt>
                <c:pt idx="1529">
                  <c:v>-1.6</c:v>
                </c:pt>
                <c:pt idx="1530">
                  <c:v>-1.6</c:v>
                </c:pt>
                <c:pt idx="1531">
                  <c:v>-1.6</c:v>
                </c:pt>
                <c:pt idx="1532">
                  <c:v>-1.6</c:v>
                </c:pt>
                <c:pt idx="1533">
                  <c:v>-1.6</c:v>
                </c:pt>
                <c:pt idx="1534">
                  <c:v>-1.6</c:v>
                </c:pt>
                <c:pt idx="1535">
                  <c:v>-1.6</c:v>
                </c:pt>
                <c:pt idx="1536">
                  <c:v>-1.6</c:v>
                </c:pt>
                <c:pt idx="1537">
                  <c:v>-1.6</c:v>
                </c:pt>
                <c:pt idx="1538">
                  <c:v>-1.6</c:v>
                </c:pt>
                <c:pt idx="1539">
                  <c:v>-1.6</c:v>
                </c:pt>
                <c:pt idx="1540">
                  <c:v>-1.6</c:v>
                </c:pt>
                <c:pt idx="1541">
                  <c:v>-1.6</c:v>
                </c:pt>
                <c:pt idx="1542">
                  <c:v>-1.6</c:v>
                </c:pt>
                <c:pt idx="1543">
                  <c:v>-1.6</c:v>
                </c:pt>
                <c:pt idx="1544">
                  <c:v>-1.6</c:v>
                </c:pt>
                <c:pt idx="1545">
                  <c:v>-1.6</c:v>
                </c:pt>
                <c:pt idx="1546">
                  <c:v>-1.6</c:v>
                </c:pt>
                <c:pt idx="1547">
                  <c:v>-1.6</c:v>
                </c:pt>
                <c:pt idx="1548">
                  <c:v>-1.6</c:v>
                </c:pt>
                <c:pt idx="1549">
                  <c:v>-1.6</c:v>
                </c:pt>
                <c:pt idx="1550">
                  <c:v>-1.6</c:v>
                </c:pt>
                <c:pt idx="1551">
                  <c:v>-1.6</c:v>
                </c:pt>
                <c:pt idx="1552">
                  <c:v>-1.6</c:v>
                </c:pt>
                <c:pt idx="1553">
                  <c:v>-1.6</c:v>
                </c:pt>
                <c:pt idx="1554">
                  <c:v>-1.6</c:v>
                </c:pt>
                <c:pt idx="1555">
                  <c:v>-1.6</c:v>
                </c:pt>
                <c:pt idx="1556">
                  <c:v>-1.6</c:v>
                </c:pt>
                <c:pt idx="1557">
                  <c:v>-1.6</c:v>
                </c:pt>
                <c:pt idx="1558">
                  <c:v>-1.6</c:v>
                </c:pt>
                <c:pt idx="1559">
                  <c:v>-1.6</c:v>
                </c:pt>
                <c:pt idx="1560">
                  <c:v>-1.6</c:v>
                </c:pt>
                <c:pt idx="1561">
                  <c:v>-1.6</c:v>
                </c:pt>
                <c:pt idx="1562">
                  <c:v>-1.6</c:v>
                </c:pt>
                <c:pt idx="1563">
                  <c:v>-1.6</c:v>
                </c:pt>
                <c:pt idx="1564">
                  <c:v>-1.6</c:v>
                </c:pt>
                <c:pt idx="1565">
                  <c:v>-1.6</c:v>
                </c:pt>
                <c:pt idx="1566">
                  <c:v>-1.6</c:v>
                </c:pt>
                <c:pt idx="1567">
                  <c:v>-1.6</c:v>
                </c:pt>
                <c:pt idx="1568">
                  <c:v>-1.6</c:v>
                </c:pt>
                <c:pt idx="1569">
                  <c:v>-1.6</c:v>
                </c:pt>
                <c:pt idx="1570">
                  <c:v>-1.6</c:v>
                </c:pt>
                <c:pt idx="1571">
                  <c:v>-1.5</c:v>
                </c:pt>
                <c:pt idx="1572">
                  <c:v>-1.6</c:v>
                </c:pt>
                <c:pt idx="1573">
                  <c:v>-1.6</c:v>
                </c:pt>
                <c:pt idx="1574">
                  <c:v>-1.6</c:v>
                </c:pt>
                <c:pt idx="1575">
                  <c:v>-1.5</c:v>
                </c:pt>
                <c:pt idx="1576">
                  <c:v>-1.5</c:v>
                </c:pt>
                <c:pt idx="1577">
                  <c:v>-1.6</c:v>
                </c:pt>
                <c:pt idx="1578">
                  <c:v>-1.5</c:v>
                </c:pt>
                <c:pt idx="1579">
                  <c:v>-1.6</c:v>
                </c:pt>
                <c:pt idx="1580">
                  <c:v>-1.5</c:v>
                </c:pt>
                <c:pt idx="1581">
                  <c:v>-1.5</c:v>
                </c:pt>
                <c:pt idx="1582">
                  <c:v>-1.5</c:v>
                </c:pt>
                <c:pt idx="1583">
                  <c:v>-1.5</c:v>
                </c:pt>
                <c:pt idx="1584">
                  <c:v>-1.5</c:v>
                </c:pt>
                <c:pt idx="1585">
                  <c:v>-1.5</c:v>
                </c:pt>
                <c:pt idx="1586">
                  <c:v>-1.5</c:v>
                </c:pt>
                <c:pt idx="1587">
                  <c:v>-1.5</c:v>
                </c:pt>
                <c:pt idx="1588">
                  <c:v>-1.5</c:v>
                </c:pt>
                <c:pt idx="1589">
                  <c:v>-1.5</c:v>
                </c:pt>
                <c:pt idx="1590">
                  <c:v>-1.5</c:v>
                </c:pt>
                <c:pt idx="1591">
                  <c:v>-1.5</c:v>
                </c:pt>
                <c:pt idx="1592">
                  <c:v>-1.5</c:v>
                </c:pt>
                <c:pt idx="1593">
                  <c:v>-1.5</c:v>
                </c:pt>
                <c:pt idx="1594">
                  <c:v>-1.5</c:v>
                </c:pt>
                <c:pt idx="1595">
                  <c:v>-1.5</c:v>
                </c:pt>
                <c:pt idx="1596">
                  <c:v>-1.5</c:v>
                </c:pt>
                <c:pt idx="1597">
                  <c:v>-1.5</c:v>
                </c:pt>
                <c:pt idx="1598">
                  <c:v>-1.5</c:v>
                </c:pt>
                <c:pt idx="1599">
                  <c:v>-1.5</c:v>
                </c:pt>
                <c:pt idx="1600">
                  <c:v>-1.5</c:v>
                </c:pt>
                <c:pt idx="1601">
                  <c:v>-1.5</c:v>
                </c:pt>
                <c:pt idx="1602">
                  <c:v>-1.5</c:v>
                </c:pt>
                <c:pt idx="1603">
                  <c:v>-1.5</c:v>
                </c:pt>
                <c:pt idx="1604">
                  <c:v>-1.5</c:v>
                </c:pt>
                <c:pt idx="1605">
                  <c:v>-1.5</c:v>
                </c:pt>
                <c:pt idx="1606">
                  <c:v>-1.5</c:v>
                </c:pt>
                <c:pt idx="1607">
                  <c:v>-1.5</c:v>
                </c:pt>
                <c:pt idx="1608">
                  <c:v>-1.5</c:v>
                </c:pt>
                <c:pt idx="1609">
                  <c:v>-1.5</c:v>
                </c:pt>
                <c:pt idx="1610">
                  <c:v>-1.5</c:v>
                </c:pt>
                <c:pt idx="1611">
                  <c:v>-1.5</c:v>
                </c:pt>
                <c:pt idx="1612">
                  <c:v>-1.5</c:v>
                </c:pt>
                <c:pt idx="1613">
                  <c:v>-1.5</c:v>
                </c:pt>
                <c:pt idx="1614">
                  <c:v>-1.5</c:v>
                </c:pt>
                <c:pt idx="1615">
                  <c:v>-1.5</c:v>
                </c:pt>
                <c:pt idx="1616">
                  <c:v>-1.5</c:v>
                </c:pt>
                <c:pt idx="1617">
                  <c:v>-1.5</c:v>
                </c:pt>
                <c:pt idx="1618">
                  <c:v>-1.5</c:v>
                </c:pt>
                <c:pt idx="1619">
                  <c:v>-1.5</c:v>
                </c:pt>
                <c:pt idx="1620">
                  <c:v>-1.5</c:v>
                </c:pt>
                <c:pt idx="1621">
                  <c:v>-1.5</c:v>
                </c:pt>
                <c:pt idx="1622">
                  <c:v>-1.5</c:v>
                </c:pt>
                <c:pt idx="1623">
                  <c:v>-1.5</c:v>
                </c:pt>
                <c:pt idx="1624">
                  <c:v>-1.6</c:v>
                </c:pt>
                <c:pt idx="1625">
                  <c:v>-1.5</c:v>
                </c:pt>
                <c:pt idx="1626">
                  <c:v>-1.5</c:v>
                </c:pt>
                <c:pt idx="1627">
                  <c:v>-1.5</c:v>
                </c:pt>
                <c:pt idx="1628">
                  <c:v>-1.5</c:v>
                </c:pt>
                <c:pt idx="1629">
                  <c:v>-1.5</c:v>
                </c:pt>
                <c:pt idx="1630">
                  <c:v>-1.5</c:v>
                </c:pt>
                <c:pt idx="1631">
                  <c:v>-1.5</c:v>
                </c:pt>
                <c:pt idx="1632">
                  <c:v>-1.6</c:v>
                </c:pt>
                <c:pt idx="1633">
                  <c:v>-1.5</c:v>
                </c:pt>
                <c:pt idx="1634">
                  <c:v>-1.5</c:v>
                </c:pt>
                <c:pt idx="1635">
                  <c:v>-1.6</c:v>
                </c:pt>
                <c:pt idx="1636">
                  <c:v>-1.6</c:v>
                </c:pt>
                <c:pt idx="1637">
                  <c:v>-1.5</c:v>
                </c:pt>
                <c:pt idx="1638">
                  <c:v>-1.6</c:v>
                </c:pt>
                <c:pt idx="1639">
                  <c:v>-1.6</c:v>
                </c:pt>
                <c:pt idx="1640">
                  <c:v>-1.6</c:v>
                </c:pt>
                <c:pt idx="1641">
                  <c:v>-1.6</c:v>
                </c:pt>
                <c:pt idx="1642">
                  <c:v>-1.6</c:v>
                </c:pt>
                <c:pt idx="1643">
                  <c:v>-1.6</c:v>
                </c:pt>
                <c:pt idx="1644">
                  <c:v>-1.6</c:v>
                </c:pt>
                <c:pt idx="1645">
                  <c:v>-1.6</c:v>
                </c:pt>
                <c:pt idx="1646">
                  <c:v>-1.6</c:v>
                </c:pt>
                <c:pt idx="1647">
                  <c:v>-1.6</c:v>
                </c:pt>
                <c:pt idx="1648">
                  <c:v>-1.6</c:v>
                </c:pt>
                <c:pt idx="1649">
                  <c:v>-1.6</c:v>
                </c:pt>
                <c:pt idx="1650">
                  <c:v>-1.6</c:v>
                </c:pt>
                <c:pt idx="1651">
                  <c:v>-1.6</c:v>
                </c:pt>
                <c:pt idx="1652">
                  <c:v>-1.6</c:v>
                </c:pt>
                <c:pt idx="1653">
                  <c:v>-1.6</c:v>
                </c:pt>
                <c:pt idx="1654">
                  <c:v>-1.6</c:v>
                </c:pt>
                <c:pt idx="1655">
                  <c:v>-1.6</c:v>
                </c:pt>
                <c:pt idx="1656">
                  <c:v>-1.6</c:v>
                </c:pt>
                <c:pt idx="1657">
                  <c:v>-1.6</c:v>
                </c:pt>
                <c:pt idx="1658">
                  <c:v>-1.6</c:v>
                </c:pt>
                <c:pt idx="1659">
                  <c:v>-1.6</c:v>
                </c:pt>
                <c:pt idx="1660">
                  <c:v>-1.6</c:v>
                </c:pt>
                <c:pt idx="1661">
                  <c:v>-1.6</c:v>
                </c:pt>
                <c:pt idx="1662">
                  <c:v>-1.6</c:v>
                </c:pt>
                <c:pt idx="1663">
                  <c:v>-1.6</c:v>
                </c:pt>
                <c:pt idx="1664">
                  <c:v>-1.6</c:v>
                </c:pt>
                <c:pt idx="1665">
                  <c:v>-1.6</c:v>
                </c:pt>
                <c:pt idx="1666">
                  <c:v>-1.6</c:v>
                </c:pt>
                <c:pt idx="1667">
                  <c:v>-1.6</c:v>
                </c:pt>
                <c:pt idx="1668">
                  <c:v>-1.6</c:v>
                </c:pt>
                <c:pt idx="1669">
                  <c:v>-1.6</c:v>
                </c:pt>
                <c:pt idx="1670">
                  <c:v>-1.6</c:v>
                </c:pt>
                <c:pt idx="1671">
                  <c:v>-1.6</c:v>
                </c:pt>
                <c:pt idx="1672">
                  <c:v>-1.6</c:v>
                </c:pt>
                <c:pt idx="1673">
                  <c:v>-1.6</c:v>
                </c:pt>
                <c:pt idx="1674">
                  <c:v>-1.6</c:v>
                </c:pt>
                <c:pt idx="1675">
                  <c:v>-1.6</c:v>
                </c:pt>
                <c:pt idx="1676">
                  <c:v>-1.6</c:v>
                </c:pt>
                <c:pt idx="1677">
                  <c:v>-1.6</c:v>
                </c:pt>
                <c:pt idx="1678">
                  <c:v>-1.6</c:v>
                </c:pt>
                <c:pt idx="1679">
                  <c:v>-1.6</c:v>
                </c:pt>
                <c:pt idx="1680">
                  <c:v>-1.6</c:v>
                </c:pt>
                <c:pt idx="1681">
                  <c:v>-1.6</c:v>
                </c:pt>
                <c:pt idx="1682">
                  <c:v>-1.6</c:v>
                </c:pt>
                <c:pt idx="1683">
                  <c:v>-1.6</c:v>
                </c:pt>
                <c:pt idx="1684">
                  <c:v>-1.6</c:v>
                </c:pt>
                <c:pt idx="1685">
                  <c:v>-1.6</c:v>
                </c:pt>
                <c:pt idx="1686">
                  <c:v>-1.6</c:v>
                </c:pt>
                <c:pt idx="1687">
                  <c:v>-1.6</c:v>
                </c:pt>
                <c:pt idx="1688">
                  <c:v>-1.6</c:v>
                </c:pt>
                <c:pt idx="1689">
                  <c:v>-1.6</c:v>
                </c:pt>
                <c:pt idx="1690">
                  <c:v>-1.6</c:v>
                </c:pt>
                <c:pt idx="1691">
                  <c:v>-1.6</c:v>
                </c:pt>
                <c:pt idx="1692">
                  <c:v>-1.6</c:v>
                </c:pt>
                <c:pt idx="1693">
                  <c:v>-1.6</c:v>
                </c:pt>
                <c:pt idx="1694">
                  <c:v>-1.6</c:v>
                </c:pt>
                <c:pt idx="1695">
                  <c:v>-1.6</c:v>
                </c:pt>
                <c:pt idx="1696">
                  <c:v>-1.6</c:v>
                </c:pt>
                <c:pt idx="1697">
                  <c:v>-1.6</c:v>
                </c:pt>
                <c:pt idx="1698">
                  <c:v>-1.6</c:v>
                </c:pt>
                <c:pt idx="1699">
                  <c:v>-1.6</c:v>
                </c:pt>
                <c:pt idx="1700">
                  <c:v>-1.6</c:v>
                </c:pt>
                <c:pt idx="1701">
                  <c:v>-1.6</c:v>
                </c:pt>
                <c:pt idx="1702">
                  <c:v>-1.6</c:v>
                </c:pt>
                <c:pt idx="1703">
                  <c:v>-1.6</c:v>
                </c:pt>
                <c:pt idx="1704">
                  <c:v>-1.6</c:v>
                </c:pt>
                <c:pt idx="1705">
                  <c:v>-1.6</c:v>
                </c:pt>
                <c:pt idx="1706">
                  <c:v>-1.6</c:v>
                </c:pt>
                <c:pt idx="1707">
                  <c:v>-1.6</c:v>
                </c:pt>
                <c:pt idx="1708">
                  <c:v>-1.6</c:v>
                </c:pt>
                <c:pt idx="1709">
                  <c:v>-1.6</c:v>
                </c:pt>
                <c:pt idx="1710">
                  <c:v>-1.6</c:v>
                </c:pt>
                <c:pt idx="1711">
                  <c:v>-1.6</c:v>
                </c:pt>
                <c:pt idx="1712">
                  <c:v>-1.6</c:v>
                </c:pt>
                <c:pt idx="1713">
                  <c:v>-1.6</c:v>
                </c:pt>
                <c:pt idx="1714">
                  <c:v>-1.6</c:v>
                </c:pt>
                <c:pt idx="1715">
                  <c:v>-1.6</c:v>
                </c:pt>
                <c:pt idx="1716">
                  <c:v>-1.6</c:v>
                </c:pt>
                <c:pt idx="1717">
                  <c:v>-1.6</c:v>
                </c:pt>
                <c:pt idx="1718">
                  <c:v>-1.6</c:v>
                </c:pt>
                <c:pt idx="1719">
                  <c:v>-1.6</c:v>
                </c:pt>
                <c:pt idx="1720">
                  <c:v>-1.6</c:v>
                </c:pt>
                <c:pt idx="1721">
                  <c:v>-1.6</c:v>
                </c:pt>
                <c:pt idx="1722">
                  <c:v>-1.6</c:v>
                </c:pt>
                <c:pt idx="1723">
                  <c:v>-1.6</c:v>
                </c:pt>
                <c:pt idx="1724">
                  <c:v>-1.6</c:v>
                </c:pt>
                <c:pt idx="1725">
                  <c:v>-1.6</c:v>
                </c:pt>
                <c:pt idx="1726">
                  <c:v>-1.6</c:v>
                </c:pt>
                <c:pt idx="1727">
                  <c:v>-1.6</c:v>
                </c:pt>
                <c:pt idx="1728">
                  <c:v>-1.6</c:v>
                </c:pt>
                <c:pt idx="1729">
                  <c:v>-1.6</c:v>
                </c:pt>
                <c:pt idx="1730">
                  <c:v>-1.6</c:v>
                </c:pt>
                <c:pt idx="1731">
                  <c:v>-1.6</c:v>
                </c:pt>
                <c:pt idx="1732">
                  <c:v>-1.6</c:v>
                </c:pt>
                <c:pt idx="1733">
                  <c:v>-1.6</c:v>
                </c:pt>
                <c:pt idx="1734">
                  <c:v>-1.6</c:v>
                </c:pt>
                <c:pt idx="1735">
                  <c:v>-1.6</c:v>
                </c:pt>
                <c:pt idx="1736">
                  <c:v>-1.6</c:v>
                </c:pt>
                <c:pt idx="1737">
                  <c:v>-1.6</c:v>
                </c:pt>
                <c:pt idx="1738">
                  <c:v>-1.6</c:v>
                </c:pt>
                <c:pt idx="1739">
                  <c:v>-1.6</c:v>
                </c:pt>
                <c:pt idx="1740">
                  <c:v>-1.6</c:v>
                </c:pt>
                <c:pt idx="1741">
                  <c:v>-1.6</c:v>
                </c:pt>
                <c:pt idx="1742">
                  <c:v>-1.6</c:v>
                </c:pt>
                <c:pt idx="1743">
                  <c:v>-1.6</c:v>
                </c:pt>
                <c:pt idx="1744">
                  <c:v>-1.6</c:v>
                </c:pt>
                <c:pt idx="1745">
                  <c:v>-1.6</c:v>
                </c:pt>
                <c:pt idx="1746">
                  <c:v>-1.6</c:v>
                </c:pt>
                <c:pt idx="1747">
                  <c:v>-1.6</c:v>
                </c:pt>
                <c:pt idx="1748">
                  <c:v>-1.6</c:v>
                </c:pt>
                <c:pt idx="1749">
                  <c:v>-1.6</c:v>
                </c:pt>
                <c:pt idx="1750">
                  <c:v>-1.6</c:v>
                </c:pt>
                <c:pt idx="1751">
                  <c:v>-1.6</c:v>
                </c:pt>
                <c:pt idx="1752">
                  <c:v>-1.6</c:v>
                </c:pt>
                <c:pt idx="1753">
                  <c:v>-1.6</c:v>
                </c:pt>
                <c:pt idx="1754">
                  <c:v>-1.6</c:v>
                </c:pt>
                <c:pt idx="1755">
                  <c:v>-1.6</c:v>
                </c:pt>
                <c:pt idx="1756">
                  <c:v>-1.6</c:v>
                </c:pt>
                <c:pt idx="1757">
                  <c:v>-1.6</c:v>
                </c:pt>
                <c:pt idx="1758">
                  <c:v>-1.6</c:v>
                </c:pt>
                <c:pt idx="1759">
                  <c:v>-1.6</c:v>
                </c:pt>
                <c:pt idx="1760">
                  <c:v>-1.6</c:v>
                </c:pt>
                <c:pt idx="1761">
                  <c:v>-1.6</c:v>
                </c:pt>
                <c:pt idx="1762">
                  <c:v>-1.6</c:v>
                </c:pt>
                <c:pt idx="1763">
                  <c:v>-1.6</c:v>
                </c:pt>
                <c:pt idx="1764">
                  <c:v>-1.6</c:v>
                </c:pt>
                <c:pt idx="1765">
                  <c:v>-1.6</c:v>
                </c:pt>
                <c:pt idx="1766">
                  <c:v>-1.6</c:v>
                </c:pt>
                <c:pt idx="1767">
                  <c:v>-1.6</c:v>
                </c:pt>
                <c:pt idx="1768">
                  <c:v>-1.6</c:v>
                </c:pt>
                <c:pt idx="1769">
                  <c:v>-1.6</c:v>
                </c:pt>
                <c:pt idx="1770">
                  <c:v>-1.6</c:v>
                </c:pt>
                <c:pt idx="1771">
                  <c:v>-1.6</c:v>
                </c:pt>
                <c:pt idx="1772">
                  <c:v>-1.6</c:v>
                </c:pt>
                <c:pt idx="1773">
                  <c:v>-1.6</c:v>
                </c:pt>
                <c:pt idx="1774">
                  <c:v>-1.6</c:v>
                </c:pt>
                <c:pt idx="1775">
                  <c:v>-1.6</c:v>
                </c:pt>
                <c:pt idx="1776">
                  <c:v>-1.6</c:v>
                </c:pt>
                <c:pt idx="1777">
                  <c:v>-1.6</c:v>
                </c:pt>
                <c:pt idx="1778">
                  <c:v>-1.6</c:v>
                </c:pt>
                <c:pt idx="1779">
                  <c:v>-1.6</c:v>
                </c:pt>
                <c:pt idx="1780">
                  <c:v>-1.6</c:v>
                </c:pt>
                <c:pt idx="1781">
                  <c:v>-1.6</c:v>
                </c:pt>
                <c:pt idx="1782">
                  <c:v>-1.6</c:v>
                </c:pt>
                <c:pt idx="1783">
                  <c:v>-1.6</c:v>
                </c:pt>
                <c:pt idx="1784">
                  <c:v>-1.6</c:v>
                </c:pt>
                <c:pt idx="1785">
                  <c:v>-1.6</c:v>
                </c:pt>
                <c:pt idx="1786">
                  <c:v>-1.6</c:v>
                </c:pt>
                <c:pt idx="1787">
                  <c:v>-1.6</c:v>
                </c:pt>
                <c:pt idx="1788">
                  <c:v>-1.6</c:v>
                </c:pt>
                <c:pt idx="1789">
                  <c:v>-1.6</c:v>
                </c:pt>
                <c:pt idx="1790">
                  <c:v>-1.6</c:v>
                </c:pt>
                <c:pt idx="1791">
                  <c:v>-1.6</c:v>
                </c:pt>
                <c:pt idx="1792">
                  <c:v>-1.6</c:v>
                </c:pt>
                <c:pt idx="1793">
                  <c:v>-1.6</c:v>
                </c:pt>
                <c:pt idx="1794">
                  <c:v>-1.6</c:v>
                </c:pt>
                <c:pt idx="1795">
                  <c:v>-1.6</c:v>
                </c:pt>
                <c:pt idx="1796">
                  <c:v>-1.6</c:v>
                </c:pt>
                <c:pt idx="1797">
                  <c:v>-1.6</c:v>
                </c:pt>
                <c:pt idx="1798">
                  <c:v>-1.6</c:v>
                </c:pt>
                <c:pt idx="1799">
                  <c:v>-1.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6B67-4D8A-A5A6-5C2DE3310B63}"/>
            </c:ext>
          </c:extLst>
        </c:ser>
        <c:ser>
          <c:idx val="1"/>
          <c:order val="1"/>
          <c:tx>
            <c:strRef>
              <c:f>'30Outside'!$C$1</c:f>
              <c:strCache>
                <c:ptCount val="1"/>
                <c:pt idx="0">
                  <c:v>soilTMP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'30Outside'!$A$2:$A$1801</c:f>
              <c:numCache>
                <c:formatCode>General</c:formatCode>
                <c:ptCount val="1800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1</c:v>
                </c:pt>
                <c:pt idx="1002">
                  <c:v>1002</c:v>
                </c:pt>
                <c:pt idx="1003">
                  <c:v>1003</c:v>
                </c:pt>
                <c:pt idx="1004">
                  <c:v>1004</c:v>
                </c:pt>
                <c:pt idx="1005">
                  <c:v>1005</c:v>
                </c:pt>
                <c:pt idx="1006">
                  <c:v>1006</c:v>
                </c:pt>
                <c:pt idx="1007">
                  <c:v>1007</c:v>
                </c:pt>
                <c:pt idx="1008">
                  <c:v>1008</c:v>
                </c:pt>
                <c:pt idx="1009">
                  <c:v>1009</c:v>
                </c:pt>
                <c:pt idx="1010">
                  <c:v>1010</c:v>
                </c:pt>
                <c:pt idx="1011">
                  <c:v>1011</c:v>
                </c:pt>
                <c:pt idx="1012">
                  <c:v>1012</c:v>
                </c:pt>
                <c:pt idx="1013">
                  <c:v>1013</c:v>
                </c:pt>
                <c:pt idx="1014">
                  <c:v>1014</c:v>
                </c:pt>
                <c:pt idx="1015">
                  <c:v>1015</c:v>
                </c:pt>
                <c:pt idx="1016">
                  <c:v>1016</c:v>
                </c:pt>
                <c:pt idx="1017">
                  <c:v>1017</c:v>
                </c:pt>
                <c:pt idx="1018">
                  <c:v>1018</c:v>
                </c:pt>
                <c:pt idx="1019">
                  <c:v>1019</c:v>
                </c:pt>
                <c:pt idx="1020">
                  <c:v>1020</c:v>
                </c:pt>
                <c:pt idx="1021">
                  <c:v>1021</c:v>
                </c:pt>
                <c:pt idx="1022">
                  <c:v>1022</c:v>
                </c:pt>
                <c:pt idx="1023">
                  <c:v>1023</c:v>
                </c:pt>
                <c:pt idx="1024">
                  <c:v>1024</c:v>
                </c:pt>
                <c:pt idx="1025">
                  <c:v>1025</c:v>
                </c:pt>
                <c:pt idx="1026">
                  <c:v>1026</c:v>
                </c:pt>
                <c:pt idx="1027">
                  <c:v>1027</c:v>
                </c:pt>
                <c:pt idx="1028">
                  <c:v>1028</c:v>
                </c:pt>
                <c:pt idx="1029">
                  <c:v>1029</c:v>
                </c:pt>
                <c:pt idx="1030">
                  <c:v>1030</c:v>
                </c:pt>
                <c:pt idx="1031">
                  <c:v>1031</c:v>
                </c:pt>
                <c:pt idx="1032">
                  <c:v>1032</c:v>
                </c:pt>
                <c:pt idx="1033">
                  <c:v>1033</c:v>
                </c:pt>
                <c:pt idx="1034">
                  <c:v>1034</c:v>
                </c:pt>
                <c:pt idx="1035">
                  <c:v>1035</c:v>
                </c:pt>
                <c:pt idx="1036">
                  <c:v>1036</c:v>
                </c:pt>
                <c:pt idx="1037">
                  <c:v>1037</c:v>
                </c:pt>
                <c:pt idx="1038">
                  <c:v>1038</c:v>
                </c:pt>
                <c:pt idx="1039">
                  <c:v>1039</c:v>
                </c:pt>
                <c:pt idx="1040">
                  <c:v>1040</c:v>
                </c:pt>
                <c:pt idx="1041">
                  <c:v>1041</c:v>
                </c:pt>
                <c:pt idx="1042">
                  <c:v>1042</c:v>
                </c:pt>
                <c:pt idx="1043">
                  <c:v>1043</c:v>
                </c:pt>
                <c:pt idx="1044">
                  <c:v>1044</c:v>
                </c:pt>
                <c:pt idx="1045">
                  <c:v>1045</c:v>
                </c:pt>
                <c:pt idx="1046">
                  <c:v>1046</c:v>
                </c:pt>
                <c:pt idx="1047">
                  <c:v>1047</c:v>
                </c:pt>
                <c:pt idx="1048">
                  <c:v>1048</c:v>
                </c:pt>
                <c:pt idx="1049">
                  <c:v>1049</c:v>
                </c:pt>
                <c:pt idx="1050">
                  <c:v>1050</c:v>
                </c:pt>
                <c:pt idx="1051">
                  <c:v>1051</c:v>
                </c:pt>
                <c:pt idx="1052">
                  <c:v>1052</c:v>
                </c:pt>
                <c:pt idx="1053">
                  <c:v>1053</c:v>
                </c:pt>
                <c:pt idx="1054">
                  <c:v>1054</c:v>
                </c:pt>
                <c:pt idx="1055">
                  <c:v>1055</c:v>
                </c:pt>
                <c:pt idx="1056">
                  <c:v>1056</c:v>
                </c:pt>
                <c:pt idx="1057">
                  <c:v>1057</c:v>
                </c:pt>
                <c:pt idx="1058">
                  <c:v>1058</c:v>
                </c:pt>
                <c:pt idx="1059">
                  <c:v>1059</c:v>
                </c:pt>
                <c:pt idx="1060">
                  <c:v>1060</c:v>
                </c:pt>
                <c:pt idx="1061">
                  <c:v>1061</c:v>
                </c:pt>
                <c:pt idx="1062">
                  <c:v>1062</c:v>
                </c:pt>
                <c:pt idx="1063">
                  <c:v>1063</c:v>
                </c:pt>
                <c:pt idx="1064">
                  <c:v>1064</c:v>
                </c:pt>
                <c:pt idx="1065">
                  <c:v>1065</c:v>
                </c:pt>
                <c:pt idx="1066">
                  <c:v>1066</c:v>
                </c:pt>
                <c:pt idx="1067">
                  <c:v>1067</c:v>
                </c:pt>
                <c:pt idx="1068">
                  <c:v>1068</c:v>
                </c:pt>
                <c:pt idx="1069">
                  <c:v>1069</c:v>
                </c:pt>
                <c:pt idx="1070">
                  <c:v>1070</c:v>
                </c:pt>
                <c:pt idx="1071">
                  <c:v>1071</c:v>
                </c:pt>
                <c:pt idx="1072">
                  <c:v>1072</c:v>
                </c:pt>
                <c:pt idx="1073">
                  <c:v>1073</c:v>
                </c:pt>
                <c:pt idx="1074">
                  <c:v>1074</c:v>
                </c:pt>
                <c:pt idx="1075">
                  <c:v>1075</c:v>
                </c:pt>
                <c:pt idx="1076">
                  <c:v>1076</c:v>
                </c:pt>
                <c:pt idx="1077">
                  <c:v>1077</c:v>
                </c:pt>
                <c:pt idx="1078">
                  <c:v>1078</c:v>
                </c:pt>
                <c:pt idx="1079">
                  <c:v>1079</c:v>
                </c:pt>
                <c:pt idx="1080">
                  <c:v>1080</c:v>
                </c:pt>
                <c:pt idx="1081">
                  <c:v>1081</c:v>
                </c:pt>
                <c:pt idx="1082">
                  <c:v>1082</c:v>
                </c:pt>
                <c:pt idx="1083">
                  <c:v>1083</c:v>
                </c:pt>
                <c:pt idx="1084">
                  <c:v>1084</c:v>
                </c:pt>
                <c:pt idx="1085">
                  <c:v>1085</c:v>
                </c:pt>
                <c:pt idx="1086">
                  <c:v>1086</c:v>
                </c:pt>
                <c:pt idx="1087">
                  <c:v>1087</c:v>
                </c:pt>
                <c:pt idx="1088">
                  <c:v>1088</c:v>
                </c:pt>
                <c:pt idx="1089">
                  <c:v>1089</c:v>
                </c:pt>
                <c:pt idx="1090">
                  <c:v>1090</c:v>
                </c:pt>
                <c:pt idx="1091">
                  <c:v>1091</c:v>
                </c:pt>
                <c:pt idx="1092">
                  <c:v>1092</c:v>
                </c:pt>
                <c:pt idx="1093">
                  <c:v>1093</c:v>
                </c:pt>
                <c:pt idx="1094">
                  <c:v>1094</c:v>
                </c:pt>
                <c:pt idx="1095">
                  <c:v>1095</c:v>
                </c:pt>
                <c:pt idx="1096">
                  <c:v>1096</c:v>
                </c:pt>
                <c:pt idx="1097">
                  <c:v>1097</c:v>
                </c:pt>
                <c:pt idx="1098">
                  <c:v>1098</c:v>
                </c:pt>
                <c:pt idx="1099">
                  <c:v>1099</c:v>
                </c:pt>
                <c:pt idx="1100">
                  <c:v>1100</c:v>
                </c:pt>
                <c:pt idx="1101">
                  <c:v>1101</c:v>
                </c:pt>
                <c:pt idx="1102">
                  <c:v>1102</c:v>
                </c:pt>
                <c:pt idx="1103">
                  <c:v>1103</c:v>
                </c:pt>
                <c:pt idx="1104">
                  <c:v>1104</c:v>
                </c:pt>
                <c:pt idx="1105">
                  <c:v>1105</c:v>
                </c:pt>
                <c:pt idx="1106">
                  <c:v>1106</c:v>
                </c:pt>
                <c:pt idx="1107">
                  <c:v>1107</c:v>
                </c:pt>
                <c:pt idx="1108">
                  <c:v>1108</c:v>
                </c:pt>
                <c:pt idx="1109">
                  <c:v>1109</c:v>
                </c:pt>
                <c:pt idx="1110">
                  <c:v>1110</c:v>
                </c:pt>
                <c:pt idx="1111">
                  <c:v>1111</c:v>
                </c:pt>
                <c:pt idx="1112">
                  <c:v>1112</c:v>
                </c:pt>
                <c:pt idx="1113">
                  <c:v>1113</c:v>
                </c:pt>
                <c:pt idx="1114">
                  <c:v>1114</c:v>
                </c:pt>
                <c:pt idx="1115">
                  <c:v>1115</c:v>
                </c:pt>
                <c:pt idx="1116">
                  <c:v>1116</c:v>
                </c:pt>
                <c:pt idx="1117">
                  <c:v>1117</c:v>
                </c:pt>
                <c:pt idx="1118">
                  <c:v>1118</c:v>
                </c:pt>
                <c:pt idx="1119">
                  <c:v>1119</c:v>
                </c:pt>
                <c:pt idx="1120">
                  <c:v>1120</c:v>
                </c:pt>
                <c:pt idx="1121">
                  <c:v>1121</c:v>
                </c:pt>
                <c:pt idx="1122">
                  <c:v>1122</c:v>
                </c:pt>
                <c:pt idx="1123">
                  <c:v>1123</c:v>
                </c:pt>
                <c:pt idx="1124">
                  <c:v>1124</c:v>
                </c:pt>
                <c:pt idx="1125">
                  <c:v>1125</c:v>
                </c:pt>
                <c:pt idx="1126">
                  <c:v>1126</c:v>
                </c:pt>
                <c:pt idx="1127">
                  <c:v>1127</c:v>
                </c:pt>
                <c:pt idx="1128">
                  <c:v>1128</c:v>
                </c:pt>
                <c:pt idx="1129">
                  <c:v>1129</c:v>
                </c:pt>
                <c:pt idx="1130">
                  <c:v>1130</c:v>
                </c:pt>
                <c:pt idx="1131">
                  <c:v>1131</c:v>
                </c:pt>
                <c:pt idx="1132">
                  <c:v>1132</c:v>
                </c:pt>
                <c:pt idx="1133">
                  <c:v>1133</c:v>
                </c:pt>
                <c:pt idx="1134">
                  <c:v>1134</c:v>
                </c:pt>
                <c:pt idx="1135">
                  <c:v>1135</c:v>
                </c:pt>
                <c:pt idx="1136">
                  <c:v>1136</c:v>
                </c:pt>
                <c:pt idx="1137">
                  <c:v>1137</c:v>
                </c:pt>
                <c:pt idx="1138">
                  <c:v>1138</c:v>
                </c:pt>
                <c:pt idx="1139">
                  <c:v>1139</c:v>
                </c:pt>
                <c:pt idx="1140">
                  <c:v>1140</c:v>
                </c:pt>
                <c:pt idx="1141">
                  <c:v>1141</c:v>
                </c:pt>
                <c:pt idx="1142">
                  <c:v>1142</c:v>
                </c:pt>
                <c:pt idx="1143">
                  <c:v>1143</c:v>
                </c:pt>
                <c:pt idx="1144">
                  <c:v>1144</c:v>
                </c:pt>
                <c:pt idx="1145">
                  <c:v>1145</c:v>
                </c:pt>
                <c:pt idx="1146">
                  <c:v>1146</c:v>
                </c:pt>
                <c:pt idx="1147">
                  <c:v>1147</c:v>
                </c:pt>
                <c:pt idx="1148">
                  <c:v>1148</c:v>
                </c:pt>
                <c:pt idx="1149">
                  <c:v>1149</c:v>
                </c:pt>
                <c:pt idx="1150">
                  <c:v>1150</c:v>
                </c:pt>
                <c:pt idx="1151">
                  <c:v>1151</c:v>
                </c:pt>
                <c:pt idx="1152">
                  <c:v>1152</c:v>
                </c:pt>
                <c:pt idx="1153">
                  <c:v>1153</c:v>
                </c:pt>
                <c:pt idx="1154">
                  <c:v>1154</c:v>
                </c:pt>
                <c:pt idx="1155">
                  <c:v>1155</c:v>
                </c:pt>
                <c:pt idx="1156">
                  <c:v>1156</c:v>
                </c:pt>
                <c:pt idx="1157">
                  <c:v>1157</c:v>
                </c:pt>
                <c:pt idx="1158">
                  <c:v>1158</c:v>
                </c:pt>
                <c:pt idx="1159">
                  <c:v>1159</c:v>
                </c:pt>
                <c:pt idx="1160">
                  <c:v>1160</c:v>
                </c:pt>
                <c:pt idx="1161">
                  <c:v>1161</c:v>
                </c:pt>
                <c:pt idx="1162">
                  <c:v>1162</c:v>
                </c:pt>
                <c:pt idx="1163">
                  <c:v>1163</c:v>
                </c:pt>
                <c:pt idx="1164">
                  <c:v>1164</c:v>
                </c:pt>
                <c:pt idx="1165">
                  <c:v>1165</c:v>
                </c:pt>
                <c:pt idx="1166">
                  <c:v>1166</c:v>
                </c:pt>
                <c:pt idx="1167">
                  <c:v>1167</c:v>
                </c:pt>
                <c:pt idx="1168">
                  <c:v>1168</c:v>
                </c:pt>
                <c:pt idx="1169">
                  <c:v>1169</c:v>
                </c:pt>
                <c:pt idx="1170">
                  <c:v>1170</c:v>
                </c:pt>
                <c:pt idx="1171">
                  <c:v>1171</c:v>
                </c:pt>
                <c:pt idx="1172">
                  <c:v>1172</c:v>
                </c:pt>
                <c:pt idx="1173">
                  <c:v>1173</c:v>
                </c:pt>
                <c:pt idx="1174">
                  <c:v>1174</c:v>
                </c:pt>
                <c:pt idx="1175">
                  <c:v>1175</c:v>
                </c:pt>
                <c:pt idx="1176">
                  <c:v>1176</c:v>
                </c:pt>
                <c:pt idx="1177">
                  <c:v>1177</c:v>
                </c:pt>
                <c:pt idx="1178">
                  <c:v>1178</c:v>
                </c:pt>
                <c:pt idx="1179">
                  <c:v>1179</c:v>
                </c:pt>
                <c:pt idx="1180">
                  <c:v>1180</c:v>
                </c:pt>
                <c:pt idx="1181">
                  <c:v>1181</c:v>
                </c:pt>
                <c:pt idx="1182">
                  <c:v>1182</c:v>
                </c:pt>
                <c:pt idx="1183">
                  <c:v>1183</c:v>
                </c:pt>
                <c:pt idx="1184">
                  <c:v>1184</c:v>
                </c:pt>
                <c:pt idx="1185">
                  <c:v>1185</c:v>
                </c:pt>
                <c:pt idx="1186">
                  <c:v>1186</c:v>
                </c:pt>
                <c:pt idx="1187">
                  <c:v>1187</c:v>
                </c:pt>
                <c:pt idx="1188">
                  <c:v>1188</c:v>
                </c:pt>
                <c:pt idx="1189">
                  <c:v>1189</c:v>
                </c:pt>
                <c:pt idx="1190">
                  <c:v>1190</c:v>
                </c:pt>
                <c:pt idx="1191">
                  <c:v>1191</c:v>
                </c:pt>
                <c:pt idx="1192">
                  <c:v>1192</c:v>
                </c:pt>
                <c:pt idx="1193">
                  <c:v>1193</c:v>
                </c:pt>
                <c:pt idx="1194">
                  <c:v>1194</c:v>
                </c:pt>
                <c:pt idx="1195">
                  <c:v>1195</c:v>
                </c:pt>
                <c:pt idx="1196">
                  <c:v>1196</c:v>
                </c:pt>
                <c:pt idx="1197">
                  <c:v>1197</c:v>
                </c:pt>
                <c:pt idx="1198">
                  <c:v>1198</c:v>
                </c:pt>
                <c:pt idx="1199">
                  <c:v>1199</c:v>
                </c:pt>
                <c:pt idx="1200">
                  <c:v>1200</c:v>
                </c:pt>
                <c:pt idx="1201">
                  <c:v>1201</c:v>
                </c:pt>
                <c:pt idx="1202">
                  <c:v>1202</c:v>
                </c:pt>
                <c:pt idx="1203">
                  <c:v>1203</c:v>
                </c:pt>
                <c:pt idx="1204">
                  <c:v>1204</c:v>
                </c:pt>
                <c:pt idx="1205">
                  <c:v>1205</c:v>
                </c:pt>
                <c:pt idx="1206">
                  <c:v>1206</c:v>
                </c:pt>
                <c:pt idx="1207">
                  <c:v>1207</c:v>
                </c:pt>
                <c:pt idx="1208">
                  <c:v>1208</c:v>
                </c:pt>
                <c:pt idx="1209">
                  <c:v>1209</c:v>
                </c:pt>
                <c:pt idx="1210">
                  <c:v>1210</c:v>
                </c:pt>
                <c:pt idx="1211">
                  <c:v>1211</c:v>
                </c:pt>
                <c:pt idx="1212">
                  <c:v>1212</c:v>
                </c:pt>
                <c:pt idx="1213">
                  <c:v>1213</c:v>
                </c:pt>
                <c:pt idx="1214">
                  <c:v>1214</c:v>
                </c:pt>
                <c:pt idx="1215">
                  <c:v>1215</c:v>
                </c:pt>
                <c:pt idx="1216">
                  <c:v>1216</c:v>
                </c:pt>
                <c:pt idx="1217">
                  <c:v>1217</c:v>
                </c:pt>
                <c:pt idx="1218">
                  <c:v>1218</c:v>
                </c:pt>
                <c:pt idx="1219">
                  <c:v>1219</c:v>
                </c:pt>
                <c:pt idx="1220">
                  <c:v>1220</c:v>
                </c:pt>
                <c:pt idx="1221">
                  <c:v>1221</c:v>
                </c:pt>
                <c:pt idx="1222">
                  <c:v>1222</c:v>
                </c:pt>
                <c:pt idx="1223">
                  <c:v>1223</c:v>
                </c:pt>
                <c:pt idx="1224">
                  <c:v>1224</c:v>
                </c:pt>
                <c:pt idx="1225">
                  <c:v>1225</c:v>
                </c:pt>
                <c:pt idx="1226">
                  <c:v>1226</c:v>
                </c:pt>
                <c:pt idx="1227">
                  <c:v>1227</c:v>
                </c:pt>
                <c:pt idx="1228">
                  <c:v>1228</c:v>
                </c:pt>
                <c:pt idx="1229">
                  <c:v>1229</c:v>
                </c:pt>
                <c:pt idx="1230">
                  <c:v>1230</c:v>
                </c:pt>
                <c:pt idx="1231">
                  <c:v>1231</c:v>
                </c:pt>
                <c:pt idx="1232">
                  <c:v>1232</c:v>
                </c:pt>
                <c:pt idx="1233">
                  <c:v>1233</c:v>
                </c:pt>
                <c:pt idx="1234">
                  <c:v>1234</c:v>
                </c:pt>
                <c:pt idx="1235">
                  <c:v>1235</c:v>
                </c:pt>
                <c:pt idx="1236">
                  <c:v>1236</c:v>
                </c:pt>
                <c:pt idx="1237">
                  <c:v>1237</c:v>
                </c:pt>
                <c:pt idx="1238">
                  <c:v>1238</c:v>
                </c:pt>
                <c:pt idx="1239">
                  <c:v>1239</c:v>
                </c:pt>
                <c:pt idx="1240">
                  <c:v>1240</c:v>
                </c:pt>
                <c:pt idx="1241">
                  <c:v>1241</c:v>
                </c:pt>
                <c:pt idx="1242">
                  <c:v>1242</c:v>
                </c:pt>
                <c:pt idx="1243">
                  <c:v>1243</c:v>
                </c:pt>
                <c:pt idx="1244">
                  <c:v>1244</c:v>
                </c:pt>
                <c:pt idx="1245">
                  <c:v>1245</c:v>
                </c:pt>
                <c:pt idx="1246">
                  <c:v>1246</c:v>
                </c:pt>
                <c:pt idx="1247">
                  <c:v>1247</c:v>
                </c:pt>
                <c:pt idx="1248">
                  <c:v>1248</c:v>
                </c:pt>
                <c:pt idx="1249">
                  <c:v>1249</c:v>
                </c:pt>
                <c:pt idx="1250">
                  <c:v>1250</c:v>
                </c:pt>
                <c:pt idx="1251">
                  <c:v>1251</c:v>
                </c:pt>
                <c:pt idx="1252">
                  <c:v>1252</c:v>
                </c:pt>
                <c:pt idx="1253">
                  <c:v>1253</c:v>
                </c:pt>
                <c:pt idx="1254">
                  <c:v>1254</c:v>
                </c:pt>
                <c:pt idx="1255">
                  <c:v>1255</c:v>
                </c:pt>
                <c:pt idx="1256">
                  <c:v>1256</c:v>
                </c:pt>
                <c:pt idx="1257">
                  <c:v>1257</c:v>
                </c:pt>
                <c:pt idx="1258">
                  <c:v>1258</c:v>
                </c:pt>
                <c:pt idx="1259">
                  <c:v>1259</c:v>
                </c:pt>
                <c:pt idx="1260">
                  <c:v>1260</c:v>
                </c:pt>
                <c:pt idx="1261">
                  <c:v>1261</c:v>
                </c:pt>
                <c:pt idx="1262">
                  <c:v>1262</c:v>
                </c:pt>
                <c:pt idx="1263">
                  <c:v>1263</c:v>
                </c:pt>
                <c:pt idx="1264">
                  <c:v>1264</c:v>
                </c:pt>
                <c:pt idx="1265">
                  <c:v>1265</c:v>
                </c:pt>
                <c:pt idx="1266">
                  <c:v>1266</c:v>
                </c:pt>
                <c:pt idx="1267">
                  <c:v>1267</c:v>
                </c:pt>
                <c:pt idx="1268">
                  <c:v>1268</c:v>
                </c:pt>
                <c:pt idx="1269">
                  <c:v>1269</c:v>
                </c:pt>
                <c:pt idx="1270">
                  <c:v>1270</c:v>
                </c:pt>
                <c:pt idx="1271">
                  <c:v>1271</c:v>
                </c:pt>
                <c:pt idx="1272">
                  <c:v>1272</c:v>
                </c:pt>
                <c:pt idx="1273">
                  <c:v>1273</c:v>
                </c:pt>
                <c:pt idx="1274">
                  <c:v>1274</c:v>
                </c:pt>
                <c:pt idx="1275">
                  <c:v>1275</c:v>
                </c:pt>
                <c:pt idx="1276">
                  <c:v>1276</c:v>
                </c:pt>
                <c:pt idx="1277">
                  <c:v>1277</c:v>
                </c:pt>
                <c:pt idx="1278">
                  <c:v>1278</c:v>
                </c:pt>
                <c:pt idx="1279">
                  <c:v>1279</c:v>
                </c:pt>
                <c:pt idx="1280">
                  <c:v>1280</c:v>
                </c:pt>
                <c:pt idx="1281">
                  <c:v>1281</c:v>
                </c:pt>
                <c:pt idx="1282">
                  <c:v>1282</c:v>
                </c:pt>
                <c:pt idx="1283">
                  <c:v>1283</c:v>
                </c:pt>
                <c:pt idx="1284">
                  <c:v>1284</c:v>
                </c:pt>
                <c:pt idx="1285">
                  <c:v>1285</c:v>
                </c:pt>
                <c:pt idx="1286">
                  <c:v>1286</c:v>
                </c:pt>
                <c:pt idx="1287">
                  <c:v>1287</c:v>
                </c:pt>
                <c:pt idx="1288">
                  <c:v>1288</c:v>
                </c:pt>
                <c:pt idx="1289">
                  <c:v>1289</c:v>
                </c:pt>
                <c:pt idx="1290">
                  <c:v>1290</c:v>
                </c:pt>
                <c:pt idx="1291">
                  <c:v>1291</c:v>
                </c:pt>
                <c:pt idx="1292">
                  <c:v>1292</c:v>
                </c:pt>
                <c:pt idx="1293">
                  <c:v>1293</c:v>
                </c:pt>
                <c:pt idx="1294">
                  <c:v>1294</c:v>
                </c:pt>
                <c:pt idx="1295">
                  <c:v>1295</c:v>
                </c:pt>
                <c:pt idx="1296">
                  <c:v>1296</c:v>
                </c:pt>
                <c:pt idx="1297">
                  <c:v>1297</c:v>
                </c:pt>
                <c:pt idx="1298">
                  <c:v>1298</c:v>
                </c:pt>
                <c:pt idx="1299">
                  <c:v>1299</c:v>
                </c:pt>
                <c:pt idx="1300">
                  <c:v>1300</c:v>
                </c:pt>
                <c:pt idx="1301">
                  <c:v>1301</c:v>
                </c:pt>
                <c:pt idx="1302">
                  <c:v>1302</c:v>
                </c:pt>
                <c:pt idx="1303">
                  <c:v>1303</c:v>
                </c:pt>
                <c:pt idx="1304">
                  <c:v>1304</c:v>
                </c:pt>
                <c:pt idx="1305">
                  <c:v>1305</c:v>
                </c:pt>
                <c:pt idx="1306">
                  <c:v>1306</c:v>
                </c:pt>
                <c:pt idx="1307">
                  <c:v>1307</c:v>
                </c:pt>
                <c:pt idx="1308">
                  <c:v>1308</c:v>
                </c:pt>
                <c:pt idx="1309">
                  <c:v>1309</c:v>
                </c:pt>
                <c:pt idx="1310">
                  <c:v>1310</c:v>
                </c:pt>
                <c:pt idx="1311">
                  <c:v>1311</c:v>
                </c:pt>
                <c:pt idx="1312">
                  <c:v>1312</c:v>
                </c:pt>
                <c:pt idx="1313">
                  <c:v>1313</c:v>
                </c:pt>
                <c:pt idx="1314">
                  <c:v>1314</c:v>
                </c:pt>
                <c:pt idx="1315">
                  <c:v>1315</c:v>
                </c:pt>
                <c:pt idx="1316">
                  <c:v>1316</c:v>
                </c:pt>
                <c:pt idx="1317">
                  <c:v>1317</c:v>
                </c:pt>
                <c:pt idx="1318">
                  <c:v>1318</c:v>
                </c:pt>
                <c:pt idx="1319">
                  <c:v>1319</c:v>
                </c:pt>
                <c:pt idx="1320">
                  <c:v>1320</c:v>
                </c:pt>
                <c:pt idx="1321">
                  <c:v>1321</c:v>
                </c:pt>
                <c:pt idx="1322">
                  <c:v>1322</c:v>
                </c:pt>
                <c:pt idx="1323">
                  <c:v>1323</c:v>
                </c:pt>
                <c:pt idx="1324">
                  <c:v>1324</c:v>
                </c:pt>
                <c:pt idx="1325">
                  <c:v>1325</c:v>
                </c:pt>
                <c:pt idx="1326">
                  <c:v>1326</c:v>
                </c:pt>
                <c:pt idx="1327">
                  <c:v>1327</c:v>
                </c:pt>
                <c:pt idx="1328">
                  <c:v>1328</c:v>
                </c:pt>
                <c:pt idx="1329">
                  <c:v>1329</c:v>
                </c:pt>
                <c:pt idx="1330">
                  <c:v>1330</c:v>
                </c:pt>
                <c:pt idx="1331">
                  <c:v>1331</c:v>
                </c:pt>
                <c:pt idx="1332">
                  <c:v>1332</c:v>
                </c:pt>
                <c:pt idx="1333">
                  <c:v>1333</c:v>
                </c:pt>
                <c:pt idx="1334">
                  <c:v>1334</c:v>
                </c:pt>
                <c:pt idx="1335">
                  <c:v>1335</c:v>
                </c:pt>
                <c:pt idx="1336">
                  <c:v>1336</c:v>
                </c:pt>
                <c:pt idx="1337">
                  <c:v>1337</c:v>
                </c:pt>
                <c:pt idx="1338">
                  <c:v>1338</c:v>
                </c:pt>
                <c:pt idx="1339">
                  <c:v>1339</c:v>
                </c:pt>
                <c:pt idx="1340">
                  <c:v>1340</c:v>
                </c:pt>
                <c:pt idx="1341">
                  <c:v>1341</c:v>
                </c:pt>
                <c:pt idx="1342">
                  <c:v>1342</c:v>
                </c:pt>
                <c:pt idx="1343">
                  <c:v>1343</c:v>
                </c:pt>
                <c:pt idx="1344">
                  <c:v>1344</c:v>
                </c:pt>
                <c:pt idx="1345">
                  <c:v>1345</c:v>
                </c:pt>
                <c:pt idx="1346">
                  <c:v>1346</c:v>
                </c:pt>
                <c:pt idx="1347">
                  <c:v>1347</c:v>
                </c:pt>
                <c:pt idx="1348">
                  <c:v>1348</c:v>
                </c:pt>
                <c:pt idx="1349">
                  <c:v>1349</c:v>
                </c:pt>
                <c:pt idx="1350">
                  <c:v>1350</c:v>
                </c:pt>
                <c:pt idx="1351">
                  <c:v>1351</c:v>
                </c:pt>
                <c:pt idx="1352">
                  <c:v>1352</c:v>
                </c:pt>
                <c:pt idx="1353">
                  <c:v>1353</c:v>
                </c:pt>
                <c:pt idx="1354">
                  <c:v>1354</c:v>
                </c:pt>
                <c:pt idx="1355">
                  <c:v>1355</c:v>
                </c:pt>
                <c:pt idx="1356">
                  <c:v>1356</c:v>
                </c:pt>
                <c:pt idx="1357">
                  <c:v>1357</c:v>
                </c:pt>
                <c:pt idx="1358">
                  <c:v>1358</c:v>
                </c:pt>
                <c:pt idx="1359">
                  <c:v>1359</c:v>
                </c:pt>
                <c:pt idx="1360">
                  <c:v>1360</c:v>
                </c:pt>
                <c:pt idx="1361">
                  <c:v>1361</c:v>
                </c:pt>
                <c:pt idx="1362">
                  <c:v>1362</c:v>
                </c:pt>
                <c:pt idx="1363">
                  <c:v>1363</c:v>
                </c:pt>
                <c:pt idx="1364">
                  <c:v>1364</c:v>
                </c:pt>
                <c:pt idx="1365">
                  <c:v>1365</c:v>
                </c:pt>
                <c:pt idx="1366">
                  <c:v>1366</c:v>
                </c:pt>
                <c:pt idx="1367">
                  <c:v>1367</c:v>
                </c:pt>
                <c:pt idx="1368">
                  <c:v>1368</c:v>
                </c:pt>
                <c:pt idx="1369">
                  <c:v>1369</c:v>
                </c:pt>
                <c:pt idx="1370">
                  <c:v>1370</c:v>
                </c:pt>
                <c:pt idx="1371">
                  <c:v>1371</c:v>
                </c:pt>
                <c:pt idx="1372">
                  <c:v>1372</c:v>
                </c:pt>
                <c:pt idx="1373">
                  <c:v>1373</c:v>
                </c:pt>
                <c:pt idx="1374">
                  <c:v>1374</c:v>
                </c:pt>
                <c:pt idx="1375">
                  <c:v>1375</c:v>
                </c:pt>
                <c:pt idx="1376">
                  <c:v>1376</c:v>
                </c:pt>
                <c:pt idx="1377">
                  <c:v>1377</c:v>
                </c:pt>
                <c:pt idx="1378">
                  <c:v>1378</c:v>
                </c:pt>
                <c:pt idx="1379">
                  <c:v>1379</c:v>
                </c:pt>
                <c:pt idx="1380">
                  <c:v>1380</c:v>
                </c:pt>
                <c:pt idx="1381">
                  <c:v>1381</c:v>
                </c:pt>
                <c:pt idx="1382">
                  <c:v>1382</c:v>
                </c:pt>
                <c:pt idx="1383">
                  <c:v>1383</c:v>
                </c:pt>
                <c:pt idx="1384">
                  <c:v>1384</c:v>
                </c:pt>
                <c:pt idx="1385">
                  <c:v>1385</c:v>
                </c:pt>
                <c:pt idx="1386">
                  <c:v>1386</c:v>
                </c:pt>
                <c:pt idx="1387">
                  <c:v>1387</c:v>
                </c:pt>
                <c:pt idx="1388">
                  <c:v>1388</c:v>
                </c:pt>
                <c:pt idx="1389">
                  <c:v>1389</c:v>
                </c:pt>
                <c:pt idx="1390">
                  <c:v>1390</c:v>
                </c:pt>
                <c:pt idx="1391">
                  <c:v>1391</c:v>
                </c:pt>
                <c:pt idx="1392">
                  <c:v>1392</c:v>
                </c:pt>
                <c:pt idx="1393">
                  <c:v>1393</c:v>
                </c:pt>
                <c:pt idx="1394">
                  <c:v>1394</c:v>
                </c:pt>
                <c:pt idx="1395">
                  <c:v>1395</c:v>
                </c:pt>
                <c:pt idx="1396">
                  <c:v>1396</c:v>
                </c:pt>
                <c:pt idx="1397">
                  <c:v>1397</c:v>
                </c:pt>
                <c:pt idx="1398">
                  <c:v>1398</c:v>
                </c:pt>
                <c:pt idx="1399">
                  <c:v>1399</c:v>
                </c:pt>
                <c:pt idx="1400">
                  <c:v>1400</c:v>
                </c:pt>
                <c:pt idx="1401">
                  <c:v>1401</c:v>
                </c:pt>
                <c:pt idx="1402">
                  <c:v>1402</c:v>
                </c:pt>
                <c:pt idx="1403">
                  <c:v>1403</c:v>
                </c:pt>
                <c:pt idx="1404">
                  <c:v>1404</c:v>
                </c:pt>
                <c:pt idx="1405">
                  <c:v>1405</c:v>
                </c:pt>
                <c:pt idx="1406">
                  <c:v>1406</c:v>
                </c:pt>
                <c:pt idx="1407">
                  <c:v>1407</c:v>
                </c:pt>
                <c:pt idx="1408">
                  <c:v>1408</c:v>
                </c:pt>
                <c:pt idx="1409">
                  <c:v>1409</c:v>
                </c:pt>
                <c:pt idx="1410">
                  <c:v>1410</c:v>
                </c:pt>
                <c:pt idx="1411">
                  <c:v>1411</c:v>
                </c:pt>
                <c:pt idx="1412">
                  <c:v>1412</c:v>
                </c:pt>
                <c:pt idx="1413">
                  <c:v>1413</c:v>
                </c:pt>
                <c:pt idx="1414">
                  <c:v>1414</c:v>
                </c:pt>
                <c:pt idx="1415">
                  <c:v>1415</c:v>
                </c:pt>
                <c:pt idx="1416">
                  <c:v>1416</c:v>
                </c:pt>
                <c:pt idx="1417">
                  <c:v>1417</c:v>
                </c:pt>
                <c:pt idx="1418">
                  <c:v>1418</c:v>
                </c:pt>
                <c:pt idx="1419">
                  <c:v>1419</c:v>
                </c:pt>
                <c:pt idx="1420">
                  <c:v>1420</c:v>
                </c:pt>
                <c:pt idx="1421">
                  <c:v>1421</c:v>
                </c:pt>
                <c:pt idx="1422">
                  <c:v>1422</c:v>
                </c:pt>
                <c:pt idx="1423">
                  <c:v>1423</c:v>
                </c:pt>
                <c:pt idx="1424">
                  <c:v>1424</c:v>
                </c:pt>
                <c:pt idx="1425">
                  <c:v>1425</c:v>
                </c:pt>
                <c:pt idx="1426">
                  <c:v>1426</c:v>
                </c:pt>
                <c:pt idx="1427">
                  <c:v>1427</c:v>
                </c:pt>
                <c:pt idx="1428">
                  <c:v>1428</c:v>
                </c:pt>
                <c:pt idx="1429">
                  <c:v>1429</c:v>
                </c:pt>
                <c:pt idx="1430">
                  <c:v>1430</c:v>
                </c:pt>
                <c:pt idx="1431">
                  <c:v>1431</c:v>
                </c:pt>
                <c:pt idx="1432">
                  <c:v>1432</c:v>
                </c:pt>
                <c:pt idx="1433">
                  <c:v>1433</c:v>
                </c:pt>
                <c:pt idx="1434">
                  <c:v>1434</c:v>
                </c:pt>
                <c:pt idx="1435">
                  <c:v>1435</c:v>
                </c:pt>
                <c:pt idx="1436">
                  <c:v>1436</c:v>
                </c:pt>
                <c:pt idx="1437">
                  <c:v>1437</c:v>
                </c:pt>
                <c:pt idx="1438">
                  <c:v>1438</c:v>
                </c:pt>
                <c:pt idx="1439">
                  <c:v>1439</c:v>
                </c:pt>
                <c:pt idx="1440">
                  <c:v>1440</c:v>
                </c:pt>
                <c:pt idx="1441">
                  <c:v>1441</c:v>
                </c:pt>
                <c:pt idx="1442">
                  <c:v>1442</c:v>
                </c:pt>
                <c:pt idx="1443">
                  <c:v>1443</c:v>
                </c:pt>
                <c:pt idx="1444">
                  <c:v>1444</c:v>
                </c:pt>
                <c:pt idx="1445">
                  <c:v>1445</c:v>
                </c:pt>
                <c:pt idx="1446">
                  <c:v>1446</c:v>
                </c:pt>
                <c:pt idx="1447">
                  <c:v>1447</c:v>
                </c:pt>
                <c:pt idx="1448">
                  <c:v>1448</c:v>
                </c:pt>
                <c:pt idx="1449">
                  <c:v>1449</c:v>
                </c:pt>
                <c:pt idx="1450">
                  <c:v>1450</c:v>
                </c:pt>
                <c:pt idx="1451">
                  <c:v>1451</c:v>
                </c:pt>
                <c:pt idx="1452">
                  <c:v>1452</c:v>
                </c:pt>
                <c:pt idx="1453">
                  <c:v>1453</c:v>
                </c:pt>
                <c:pt idx="1454">
                  <c:v>1454</c:v>
                </c:pt>
                <c:pt idx="1455">
                  <c:v>1455</c:v>
                </c:pt>
                <c:pt idx="1456">
                  <c:v>1456</c:v>
                </c:pt>
                <c:pt idx="1457">
                  <c:v>1457</c:v>
                </c:pt>
                <c:pt idx="1458">
                  <c:v>1458</c:v>
                </c:pt>
                <c:pt idx="1459">
                  <c:v>1459</c:v>
                </c:pt>
                <c:pt idx="1460">
                  <c:v>1460</c:v>
                </c:pt>
                <c:pt idx="1461">
                  <c:v>1461</c:v>
                </c:pt>
                <c:pt idx="1462">
                  <c:v>1462</c:v>
                </c:pt>
                <c:pt idx="1463">
                  <c:v>1463</c:v>
                </c:pt>
                <c:pt idx="1464">
                  <c:v>1464</c:v>
                </c:pt>
                <c:pt idx="1465">
                  <c:v>1465</c:v>
                </c:pt>
                <c:pt idx="1466">
                  <c:v>1466</c:v>
                </c:pt>
                <c:pt idx="1467">
                  <c:v>1467</c:v>
                </c:pt>
                <c:pt idx="1468">
                  <c:v>1468</c:v>
                </c:pt>
                <c:pt idx="1469">
                  <c:v>1469</c:v>
                </c:pt>
                <c:pt idx="1470">
                  <c:v>1470</c:v>
                </c:pt>
                <c:pt idx="1471">
                  <c:v>1471</c:v>
                </c:pt>
                <c:pt idx="1472">
                  <c:v>1472</c:v>
                </c:pt>
                <c:pt idx="1473">
                  <c:v>1473</c:v>
                </c:pt>
                <c:pt idx="1474">
                  <c:v>1474</c:v>
                </c:pt>
                <c:pt idx="1475">
                  <c:v>1475</c:v>
                </c:pt>
                <c:pt idx="1476">
                  <c:v>1476</c:v>
                </c:pt>
                <c:pt idx="1477">
                  <c:v>1477</c:v>
                </c:pt>
                <c:pt idx="1478">
                  <c:v>1478</c:v>
                </c:pt>
                <c:pt idx="1479">
                  <c:v>1479</c:v>
                </c:pt>
                <c:pt idx="1480">
                  <c:v>1480</c:v>
                </c:pt>
                <c:pt idx="1481">
                  <c:v>1481</c:v>
                </c:pt>
                <c:pt idx="1482">
                  <c:v>1482</c:v>
                </c:pt>
                <c:pt idx="1483">
                  <c:v>1483</c:v>
                </c:pt>
                <c:pt idx="1484">
                  <c:v>1484</c:v>
                </c:pt>
                <c:pt idx="1485">
                  <c:v>1485</c:v>
                </c:pt>
                <c:pt idx="1486">
                  <c:v>1486</c:v>
                </c:pt>
                <c:pt idx="1487">
                  <c:v>1487</c:v>
                </c:pt>
                <c:pt idx="1488">
                  <c:v>1488</c:v>
                </c:pt>
                <c:pt idx="1489">
                  <c:v>1489</c:v>
                </c:pt>
                <c:pt idx="1490">
                  <c:v>1490</c:v>
                </c:pt>
                <c:pt idx="1491">
                  <c:v>1491</c:v>
                </c:pt>
                <c:pt idx="1492">
                  <c:v>1492</c:v>
                </c:pt>
                <c:pt idx="1493">
                  <c:v>1493</c:v>
                </c:pt>
                <c:pt idx="1494">
                  <c:v>1494</c:v>
                </c:pt>
                <c:pt idx="1495">
                  <c:v>1495</c:v>
                </c:pt>
                <c:pt idx="1496">
                  <c:v>1496</c:v>
                </c:pt>
                <c:pt idx="1497">
                  <c:v>1497</c:v>
                </c:pt>
                <c:pt idx="1498">
                  <c:v>1498</c:v>
                </c:pt>
                <c:pt idx="1499">
                  <c:v>1499</c:v>
                </c:pt>
                <c:pt idx="1500">
                  <c:v>1500</c:v>
                </c:pt>
                <c:pt idx="1501">
                  <c:v>1501</c:v>
                </c:pt>
                <c:pt idx="1502">
                  <c:v>1502</c:v>
                </c:pt>
                <c:pt idx="1503">
                  <c:v>1503</c:v>
                </c:pt>
                <c:pt idx="1504">
                  <c:v>1504</c:v>
                </c:pt>
                <c:pt idx="1505">
                  <c:v>1505</c:v>
                </c:pt>
                <c:pt idx="1506">
                  <c:v>1506</c:v>
                </c:pt>
                <c:pt idx="1507">
                  <c:v>1507</c:v>
                </c:pt>
                <c:pt idx="1508">
                  <c:v>1508</c:v>
                </c:pt>
                <c:pt idx="1509">
                  <c:v>1509</c:v>
                </c:pt>
                <c:pt idx="1510">
                  <c:v>1510</c:v>
                </c:pt>
                <c:pt idx="1511">
                  <c:v>1511</c:v>
                </c:pt>
                <c:pt idx="1512">
                  <c:v>1512</c:v>
                </c:pt>
                <c:pt idx="1513">
                  <c:v>1513</c:v>
                </c:pt>
                <c:pt idx="1514">
                  <c:v>1514</c:v>
                </c:pt>
                <c:pt idx="1515">
                  <c:v>1515</c:v>
                </c:pt>
                <c:pt idx="1516">
                  <c:v>1516</c:v>
                </c:pt>
                <c:pt idx="1517">
                  <c:v>1517</c:v>
                </c:pt>
                <c:pt idx="1518">
                  <c:v>1518</c:v>
                </c:pt>
                <c:pt idx="1519">
                  <c:v>1519</c:v>
                </c:pt>
                <c:pt idx="1520">
                  <c:v>1520</c:v>
                </c:pt>
                <c:pt idx="1521">
                  <c:v>1521</c:v>
                </c:pt>
                <c:pt idx="1522">
                  <c:v>1522</c:v>
                </c:pt>
                <c:pt idx="1523">
                  <c:v>1523</c:v>
                </c:pt>
                <c:pt idx="1524">
                  <c:v>1524</c:v>
                </c:pt>
                <c:pt idx="1525">
                  <c:v>1525</c:v>
                </c:pt>
                <c:pt idx="1526">
                  <c:v>1526</c:v>
                </c:pt>
                <c:pt idx="1527">
                  <c:v>1527</c:v>
                </c:pt>
                <c:pt idx="1528">
                  <c:v>1528</c:v>
                </c:pt>
                <c:pt idx="1529">
                  <c:v>1529</c:v>
                </c:pt>
                <c:pt idx="1530">
                  <c:v>1530</c:v>
                </c:pt>
                <c:pt idx="1531">
                  <c:v>1531</c:v>
                </c:pt>
                <c:pt idx="1532">
                  <c:v>1532</c:v>
                </c:pt>
                <c:pt idx="1533">
                  <c:v>1533</c:v>
                </c:pt>
                <c:pt idx="1534">
                  <c:v>1534</c:v>
                </c:pt>
                <c:pt idx="1535">
                  <c:v>1535</c:v>
                </c:pt>
                <c:pt idx="1536">
                  <c:v>1536</c:v>
                </c:pt>
                <c:pt idx="1537">
                  <c:v>1537</c:v>
                </c:pt>
                <c:pt idx="1538">
                  <c:v>1538</c:v>
                </c:pt>
                <c:pt idx="1539">
                  <c:v>1539</c:v>
                </c:pt>
                <c:pt idx="1540">
                  <c:v>1540</c:v>
                </c:pt>
                <c:pt idx="1541">
                  <c:v>1541</c:v>
                </c:pt>
                <c:pt idx="1542">
                  <c:v>1542</c:v>
                </c:pt>
                <c:pt idx="1543">
                  <c:v>1543</c:v>
                </c:pt>
                <c:pt idx="1544">
                  <c:v>1544</c:v>
                </c:pt>
                <c:pt idx="1545">
                  <c:v>1545</c:v>
                </c:pt>
                <c:pt idx="1546">
                  <c:v>1546</c:v>
                </c:pt>
                <c:pt idx="1547">
                  <c:v>1547</c:v>
                </c:pt>
                <c:pt idx="1548">
                  <c:v>1548</c:v>
                </c:pt>
                <c:pt idx="1549">
                  <c:v>1549</c:v>
                </c:pt>
                <c:pt idx="1550">
                  <c:v>1550</c:v>
                </c:pt>
                <c:pt idx="1551">
                  <c:v>1551</c:v>
                </c:pt>
                <c:pt idx="1552">
                  <c:v>1552</c:v>
                </c:pt>
                <c:pt idx="1553">
                  <c:v>1553</c:v>
                </c:pt>
                <c:pt idx="1554">
                  <c:v>1554</c:v>
                </c:pt>
                <c:pt idx="1555">
                  <c:v>1555</c:v>
                </c:pt>
                <c:pt idx="1556">
                  <c:v>1556</c:v>
                </c:pt>
                <c:pt idx="1557">
                  <c:v>1557</c:v>
                </c:pt>
                <c:pt idx="1558">
                  <c:v>1558</c:v>
                </c:pt>
                <c:pt idx="1559">
                  <c:v>1559</c:v>
                </c:pt>
                <c:pt idx="1560">
                  <c:v>1560</c:v>
                </c:pt>
                <c:pt idx="1561">
                  <c:v>1561</c:v>
                </c:pt>
                <c:pt idx="1562">
                  <c:v>1562</c:v>
                </c:pt>
                <c:pt idx="1563">
                  <c:v>1563</c:v>
                </c:pt>
                <c:pt idx="1564">
                  <c:v>1564</c:v>
                </c:pt>
                <c:pt idx="1565">
                  <c:v>1565</c:v>
                </c:pt>
                <c:pt idx="1566">
                  <c:v>1566</c:v>
                </c:pt>
                <c:pt idx="1567">
                  <c:v>1567</c:v>
                </c:pt>
                <c:pt idx="1568">
                  <c:v>1568</c:v>
                </c:pt>
                <c:pt idx="1569">
                  <c:v>1569</c:v>
                </c:pt>
                <c:pt idx="1570">
                  <c:v>1570</c:v>
                </c:pt>
                <c:pt idx="1571">
                  <c:v>1571</c:v>
                </c:pt>
                <c:pt idx="1572">
                  <c:v>1572</c:v>
                </c:pt>
                <c:pt idx="1573">
                  <c:v>1573</c:v>
                </c:pt>
                <c:pt idx="1574">
                  <c:v>1574</c:v>
                </c:pt>
                <c:pt idx="1575">
                  <c:v>1575</c:v>
                </c:pt>
                <c:pt idx="1576">
                  <c:v>1576</c:v>
                </c:pt>
                <c:pt idx="1577">
                  <c:v>1577</c:v>
                </c:pt>
                <c:pt idx="1578">
                  <c:v>1578</c:v>
                </c:pt>
                <c:pt idx="1579">
                  <c:v>1579</c:v>
                </c:pt>
                <c:pt idx="1580">
                  <c:v>1580</c:v>
                </c:pt>
                <c:pt idx="1581">
                  <c:v>1581</c:v>
                </c:pt>
                <c:pt idx="1582">
                  <c:v>1582</c:v>
                </c:pt>
                <c:pt idx="1583">
                  <c:v>1583</c:v>
                </c:pt>
                <c:pt idx="1584">
                  <c:v>1584</c:v>
                </c:pt>
                <c:pt idx="1585">
                  <c:v>1585</c:v>
                </c:pt>
                <c:pt idx="1586">
                  <c:v>1586</c:v>
                </c:pt>
                <c:pt idx="1587">
                  <c:v>1587</c:v>
                </c:pt>
                <c:pt idx="1588">
                  <c:v>1588</c:v>
                </c:pt>
                <c:pt idx="1589">
                  <c:v>1589</c:v>
                </c:pt>
                <c:pt idx="1590">
                  <c:v>1590</c:v>
                </c:pt>
                <c:pt idx="1591">
                  <c:v>1591</c:v>
                </c:pt>
                <c:pt idx="1592">
                  <c:v>1592</c:v>
                </c:pt>
                <c:pt idx="1593">
                  <c:v>1593</c:v>
                </c:pt>
                <c:pt idx="1594">
                  <c:v>1594</c:v>
                </c:pt>
                <c:pt idx="1595">
                  <c:v>1595</c:v>
                </c:pt>
                <c:pt idx="1596">
                  <c:v>1596</c:v>
                </c:pt>
                <c:pt idx="1597">
                  <c:v>1597</c:v>
                </c:pt>
                <c:pt idx="1598">
                  <c:v>1598</c:v>
                </c:pt>
                <c:pt idx="1599">
                  <c:v>1599</c:v>
                </c:pt>
                <c:pt idx="1600">
                  <c:v>1600</c:v>
                </c:pt>
                <c:pt idx="1601">
                  <c:v>1601</c:v>
                </c:pt>
                <c:pt idx="1602">
                  <c:v>1602</c:v>
                </c:pt>
                <c:pt idx="1603">
                  <c:v>1603</c:v>
                </c:pt>
                <c:pt idx="1604">
                  <c:v>1604</c:v>
                </c:pt>
                <c:pt idx="1605">
                  <c:v>1605</c:v>
                </c:pt>
                <c:pt idx="1606">
                  <c:v>1606</c:v>
                </c:pt>
                <c:pt idx="1607">
                  <c:v>1607</c:v>
                </c:pt>
                <c:pt idx="1608">
                  <c:v>1608</c:v>
                </c:pt>
                <c:pt idx="1609">
                  <c:v>1609</c:v>
                </c:pt>
                <c:pt idx="1610">
                  <c:v>1610</c:v>
                </c:pt>
                <c:pt idx="1611">
                  <c:v>1611</c:v>
                </c:pt>
                <c:pt idx="1612">
                  <c:v>1612</c:v>
                </c:pt>
                <c:pt idx="1613">
                  <c:v>1613</c:v>
                </c:pt>
                <c:pt idx="1614">
                  <c:v>1614</c:v>
                </c:pt>
                <c:pt idx="1615">
                  <c:v>1615</c:v>
                </c:pt>
                <c:pt idx="1616">
                  <c:v>1616</c:v>
                </c:pt>
                <c:pt idx="1617">
                  <c:v>1617</c:v>
                </c:pt>
                <c:pt idx="1618">
                  <c:v>1618</c:v>
                </c:pt>
                <c:pt idx="1619">
                  <c:v>1619</c:v>
                </c:pt>
                <c:pt idx="1620">
                  <c:v>1620</c:v>
                </c:pt>
                <c:pt idx="1621">
                  <c:v>1621</c:v>
                </c:pt>
                <c:pt idx="1622">
                  <c:v>1622</c:v>
                </c:pt>
                <c:pt idx="1623">
                  <c:v>1623</c:v>
                </c:pt>
                <c:pt idx="1624">
                  <c:v>1624</c:v>
                </c:pt>
                <c:pt idx="1625">
                  <c:v>1625</c:v>
                </c:pt>
                <c:pt idx="1626">
                  <c:v>1626</c:v>
                </c:pt>
                <c:pt idx="1627">
                  <c:v>1627</c:v>
                </c:pt>
                <c:pt idx="1628">
                  <c:v>1628</c:v>
                </c:pt>
                <c:pt idx="1629">
                  <c:v>1629</c:v>
                </c:pt>
                <c:pt idx="1630">
                  <c:v>1630</c:v>
                </c:pt>
                <c:pt idx="1631">
                  <c:v>1631</c:v>
                </c:pt>
                <c:pt idx="1632">
                  <c:v>1632</c:v>
                </c:pt>
                <c:pt idx="1633">
                  <c:v>1633</c:v>
                </c:pt>
                <c:pt idx="1634">
                  <c:v>1634</c:v>
                </c:pt>
                <c:pt idx="1635">
                  <c:v>1635</c:v>
                </c:pt>
                <c:pt idx="1636">
                  <c:v>1636</c:v>
                </c:pt>
                <c:pt idx="1637">
                  <c:v>1637</c:v>
                </c:pt>
                <c:pt idx="1638">
                  <c:v>1638</c:v>
                </c:pt>
                <c:pt idx="1639">
                  <c:v>1639</c:v>
                </c:pt>
                <c:pt idx="1640">
                  <c:v>1640</c:v>
                </c:pt>
                <c:pt idx="1641">
                  <c:v>1641</c:v>
                </c:pt>
                <c:pt idx="1642">
                  <c:v>1642</c:v>
                </c:pt>
                <c:pt idx="1643">
                  <c:v>1643</c:v>
                </c:pt>
                <c:pt idx="1644">
                  <c:v>1644</c:v>
                </c:pt>
                <c:pt idx="1645">
                  <c:v>1645</c:v>
                </c:pt>
                <c:pt idx="1646">
                  <c:v>1646</c:v>
                </c:pt>
                <c:pt idx="1647">
                  <c:v>1647</c:v>
                </c:pt>
                <c:pt idx="1648">
                  <c:v>1648</c:v>
                </c:pt>
                <c:pt idx="1649">
                  <c:v>1649</c:v>
                </c:pt>
                <c:pt idx="1650">
                  <c:v>1650</c:v>
                </c:pt>
                <c:pt idx="1651">
                  <c:v>1651</c:v>
                </c:pt>
                <c:pt idx="1652">
                  <c:v>1652</c:v>
                </c:pt>
                <c:pt idx="1653">
                  <c:v>1653</c:v>
                </c:pt>
                <c:pt idx="1654">
                  <c:v>1654</c:v>
                </c:pt>
                <c:pt idx="1655">
                  <c:v>1655</c:v>
                </c:pt>
                <c:pt idx="1656">
                  <c:v>1656</c:v>
                </c:pt>
                <c:pt idx="1657">
                  <c:v>1657</c:v>
                </c:pt>
                <c:pt idx="1658">
                  <c:v>1658</c:v>
                </c:pt>
                <c:pt idx="1659">
                  <c:v>1659</c:v>
                </c:pt>
                <c:pt idx="1660">
                  <c:v>1660</c:v>
                </c:pt>
                <c:pt idx="1661">
                  <c:v>1661</c:v>
                </c:pt>
                <c:pt idx="1662">
                  <c:v>1662</c:v>
                </c:pt>
                <c:pt idx="1663">
                  <c:v>1663</c:v>
                </c:pt>
                <c:pt idx="1664">
                  <c:v>1664</c:v>
                </c:pt>
                <c:pt idx="1665">
                  <c:v>1665</c:v>
                </c:pt>
                <c:pt idx="1666">
                  <c:v>1666</c:v>
                </c:pt>
                <c:pt idx="1667">
                  <c:v>1667</c:v>
                </c:pt>
                <c:pt idx="1668">
                  <c:v>1668</c:v>
                </c:pt>
                <c:pt idx="1669">
                  <c:v>1669</c:v>
                </c:pt>
                <c:pt idx="1670">
                  <c:v>1670</c:v>
                </c:pt>
                <c:pt idx="1671">
                  <c:v>1671</c:v>
                </c:pt>
                <c:pt idx="1672">
                  <c:v>1672</c:v>
                </c:pt>
                <c:pt idx="1673">
                  <c:v>1673</c:v>
                </c:pt>
                <c:pt idx="1674">
                  <c:v>1674</c:v>
                </c:pt>
                <c:pt idx="1675">
                  <c:v>1675</c:v>
                </c:pt>
                <c:pt idx="1676">
                  <c:v>1676</c:v>
                </c:pt>
                <c:pt idx="1677">
                  <c:v>1677</c:v>
                </c:pt>
                <c:pt idx="1678">
                  <c:v>1678</c:v>
                </c:pt>
                <c:pt idx="1679">
                  <c:v>1679</c:v>
                </c:pt>
                <c:pt idx="1680">
                  <c:v>1680</c:v>
                </c:pt>
                <c:pt idx="1681">
                  <c:v>1681</c:v>
                </c:pt>
                <c:pt idx="1682">
                  <c:v>1682</c:v>
                </c:pt>
                <c:pt idx="1683">
                  <c:v>1683</c:v>
                </c:pt>
                <c:pt idx="1684">
                  <c:v>1684</c:v>
                </c:pt>
                <c:pt idx="1685">
                  <c:v>1685</c:v>
                </c:pt>
                <c:pt idx="1686">
                  <c:v>1686</c:v>
                </c:pt>
                <c:pt idx="1687">
                  <c:v>1687</c:v>
                </c:pt>
                <c:pt idx="1688">
                  <c:v>1688</c:v>
                </c:pt>
                <c:pt idx="1689">
                  <c:v>1689</c:v>
                </c:pt>
                <c:pt idx="1690">
                  <c:v>1690</c:v>
                </c:pt>
                <c:pt idx="1691">
                  <c:v>1691</c:v>
                </c:pt>
                <c:pt idx="1692">
                  <c:v>1692</c:v>
                </c:pt>
                <c:pt idx="1693">
                  <c:v>1693</c:v>
                </c:pt>
                <c:pt idx="1694">
                  <c:v>1694</c:v>
                </c:pt>
                <c:pt idx="1695">
                  <c:v>1695</c:v>
                </c:pt>
                <c:pt idx="1696">
                  <c:v>1696</c:v>
                </c:pt>
                <c:pt idx="1697">
                  <c:v>1697</c:v>
                </c:pt>
                <c:pt idx="1698">
                  <c:v>1698</c:v>
                </c:pt>
                <c:pt idx="1699">
                  <c:v>1699</c:v>
                </c:pt>
                <c:pt idx="1700">
                  <c:v>1700</c:v>
                </c:pt>
                <c:pt idx="1701">
                  <c:v>1701</c:v>
                </c:pt>
                <c:pt idx="1702">
                  <c:v>1702</c:v>
                </c:pt>
                <c:pt idx="1703">
                  <c:v>1703</c:v>
                </c:pt>
                <c:pt idx="1704">
                  <c:v>1704</c:v>
                </c:pt>
                <c:pt idx="1705">
                  <c:v>1705</c:v>
                </c:pt>
                <c:pt idx="1706">
                  <c:v>1706</c:v>
                </c:pt>
                <c:pt idx="1707">
                  <c:v>1707</c:v>
                </c:pt>
                <c:pt idx="1708">
                  <c:v>1708</c:v>
                </c:pt>
                <c:pt idx="1709">
                  <c:v>1709</c:v>
                </c:pt>
                <c:pt idx="1710">
                  <c:v>1710</c:v>
                </c:pt>
                <c:pt idx="1711">
                  <c:v>1711</c:v>
                </c:pt>
                <c:pt idx="1712">
                  <c:v>1712</c:v>
                </c:pt>
                <c:pt idx="1713">
                  <c:v>1713</c:v>
                </c:pt>
                <c:pt idx="1714">
                  <c:v>1714</c:v>
                </c:pt>
                <c:pt idx="1715">
                  <c:v>1715</c:v>
                </c:pt>
                <c:pt idx="1716">
                  <c:v>1716</c:v>
                </c:pt>
                <c:pt idx="1717">
                  <c:v>1717</c:v>
                </c:pt>
                <c:pt idx="1718">
                  <c:v>1718</c:v>
                </c:pt>
                <c:pt idx="1719">
                  <c:v>1719</c:v>
                </c:pt>
                <c:pt idx="1720">
                  <c:v>1720</c:v>
                </c:pt>
                <c:pt idx="1721">
                  <c:v>1721</c:v>
                </c:pt>
                <c:pt idx="1722">
                  <c:v>1722</c:v>
                </c:pt>
                <c:pt idx="1723">
                  <c:v>1723</c:v>
                </c:pt>
                <c:pt idx="1724">
                  <c:v>1724</c:v>
                </c:pt>
                <c:pt idx="1725">
                  <c:v>1725</c:v>
                </c:pt>
                <c:pt idx="1726">
                  <c:v>1726</c:v>
                </c:pt>
                <c:pt idx="1727">
                  <c:v>1727</c:v>
                </c:pt>
                <c:pt idx="1728">
                  <c:v>1728</c:v>
                </c:pt>
                <c:pt idx="1729">
                  <c:v>1729</c:v>
                </c:pt>
                <c:pt idx="1730">
                  <c:v>1730</c:v>
                </c:pt>
                <c:pt idx="1731">
                  <c:v>1731</c:v>
                </c:pt>
                <c:pt idx="1732">
                  <c:v>1732</c:v>
                </c:pt>
                <c:pt idx="1733">
                  <c:v>1733</c:v>
                </c:pt>
                <c:pt idx="1734">
                  <c:v>1734</c:v>
                </c:pt>
                <c:pt idx="1735">
                  <c:v>1735</c:v>
                </c:pt>
                <c:pt idx="1736">
                  <c:v>1736</c:v>
                </c:pt>
                <c:pt idx="1737">
                  <c:v>1737</c:v>
                </c:pt>
                <c:pt idx="1738">
                  <c:v>1738</c:v>
                </c:pt>
                <c:pt idx="1739">
                  <c:v>1739</c:v>
                </c:pt>
                <c:pt idx="1740">
                  <c:v>1740</c:v>
                </c:pt>
                <c:pt idx="1741">
                  <c:v>1741</c:v>
                </c:pt>
                <c:pt idx="1742">
                  <c:v>1742</c:v>
                </c:pt>
                <c:pt idx="1743">
                  <c:v>1743</c:v>
                </c:pt>
                <c:pt idx="1744">
                  <c:v>1744</c:v>
                </c:pt>
                <c:pt idx="1745">
                  <c:v>1745</c:v>
                </c:pt>
                <c:pt idx="1746">
                  <c:v>1746</c:v>
                </c:pt>
                <c:pt idx="1747">
                  <c:v>1747</c:v>
                </c:pt>
                <c:pt idx="1748">
                  <c:v>1748</c:v>
                </c:pt>
                <c:pt idx="1749">
                  <c:v>1749</c:v>
                </c:pt>
                <c:pt idx="1750">
                  <c:v>1750</c:v>
                </c:pt>
                <c:pt idx="1751">
                  <c:v>1751</c:v>
                </c:pt>
                <c:pt idx="1752">
                  <c:v>1752</c:v>
                </c:pt>
                <c:pt idx="1753">
                  <c:v>1753</c:v>
                </c:pt>
                <c:pt idx="1754">
                  <c:v>1754</c:v>
                </c:pt>
                <c:pt idx="1755">
                  <c:v>1755</c:v>
                </c:pt>
                <c:pt idx="1756">
                  <c:v>1756</c:v>
                </c:pt>
                <c:pt idx="1757">
                  <c:v>1757</c:v>
                </c:pt>
                <c:pt idx="1758">
                  <c:v>1758</c:v>
                </c:pt>
                <c:pt idx="1759">
                  <c:v>1759</c:v>
                </c:pt>
                <c:pt idx="1760">
                  <c:v>1760</c:v>
                </c:pt>
                <c:pt idx="1761">
                  <c:v>1761</c:v>
                </c:pt>
                <c:pt idx="1762">
                  <c:v>1762</c:v>
                </c:pt>
                <c:pt idx="1763">
                  <c:v>1763</c:v>
                </c:pt>
                <c:pt idx="1764">
                  <c:v>1764</c:v>
                </c:pt>
                <c:pt idx="1765">
                  <c:v>1765</c:v>
                </c:pt>
                <c:pt idx="1766">
                  <c:v>1766</c:v>
                </c:pt>
                <c:pt idx="1767">
                  <c:v>1767</c:v>
                </c:pt>
                <c:pt idx="1768">
                  <c:v>1768</c:v>
                </c:pt>
                <c:pt idx="1769">
                  <c:v>1769</c:v>
                </c:pt>
                <c:pt idx="1770">
                  <c:v>1770</c:v>
                </c:pt>
                <c:pt idx="1771">
                  <c:v>1771</c:v>
                </c:pt>
                <c:pt idx="1772">
                  <c:v>1772</c:v>
                </c:pt>
                <c:pt idx="1773">
                  <c:v>1773</c:v>
                </c:pt>
                <c:pt idx="1774">
                  <c:v>1774</c:v>
                </c:pt>
                <c:pt idx="1775">
                  <c:v>1775</c:v>
                </c:pt>
                <c:pt idx="1776">
                  <c:v>1776</c:v>
                </c:pt>
                <c:pt idx="1777">
                  <c:v>1777</c:v>
                </c:pt>
                <c:pt idx="1778">
                  <c:v>1778</c:v>
                </c:pt>
                <c:pt idx="1779">
                  <c:v>1779</c:v>
                </c:pt>
                <c:pt idx="1780">
                  <c:v>1780</c:v>
                </c:pt>
                <c:pt idx="1781">
                  <c:v>1781</c:v>
                </c:pt>
                <c:pt idx="1782">
                  <c:v>1782</c:v>
                </c:pt>
                <c:pt idx="1783">
                  <c:v>1783</c:v>
                </c:pt>
                <c:pt idx="1784">
                  <c:v>1784</c:v>
                </c:pt>
                <c:pt idx="1785">
                  <c:v>1785</c:v>
                </c:pt>
                <c:pt idx="1786">
                  <c:v>1786</c:v>
                </c:pt>
                <c:pt idx="1787">
                  <c:v>1787</c:v>
                </c:pt>
                <c:pt idx="1788">
                  <c:v>1788</c:v>
                </c:pt>
                <c:pt idx="1789">
                  <c:v>1789</c:v>
                </c:pt>
                <c:pt idx="1790">
                  <c:v>1790</c:v>
                </c:pt>
                <c:pt idx="1791">
                  <c:v>1791</c:v>
                </c:pt>
                <c:pt idx="1792">
                  <c:v>1792</c:v>
                </c:pt>
                <c:pt idx="1793">
                  <c:v>1793</c:v>
                </c:pt>
                <c:pt idx="1794">
                  <c:v>1794</c:v>
                </c:pt>
                <c:pt idx="1795">
                  <c:v>1795</c:v>
                </c:pt>
                <c:pt idx="1796">
                  <c:v>1796</c:v>
                </c:pt>
                <c:pt idx="1797">
                  <c:v>1797</c:v>
                </c:pt>
                <c:pt idx="1798">
                  <c:v>1798</c:v>
                </c:pt>
                <c:pt idx="1799">
                  <c:v>1799</c:v>
                </c:pt>
              </c:numCache>
            </c:numRef>
          </c:xVal>
          <c:yVal>
            <c:numRef>
              <c:f>'30Outside'!$C$2:$C$1801</c:f>
              <c:numCache>
                <c:formatCode>General</c:formatCode>
                <c:ptCount val="1800"/>
                <c:pt idx="0">
                  <c:v>19.100000000000001</c:v>
                </c:pt>
                <c:pt idx="1">
                  <c:v>19.399999999999999</c:v>
                </c:pt>
                <c:pt idx="2">
                  <c:v>18.899999999999999</c:v>
                </c:pt>
                <c:pt idx="3">
                  <c:v>18.7</c:v>
                </c:pt>
                <c:pt idx="4">
                  <c:v>19.100000000000001</c:v>
                </c:pt>
                <c:pt idx="5">
                  <c:v>18.7</c:v>
                </c:pt>
                <c:pt idx="6">
                  <c:v>18.5</c:v>
                </c:pt>
                <c:pt idx="7">
                  <c:v>18.600000000000001</c:v>
                </c:pt>
                <c:pt idx="8">
                  <c:v>18.399999999999999</c:v>
                </c:pt>
                <c:pt idx="9">
                  <c:v>18.100000000000001</c:v>
                </c:pt>
                <c:pt idx="10">
                  <c:v>18.100000000000001</c:v>
                </c:pt>
                <c:pt idx="11">
                  <c:v>18</c:v>
                </c:pt>
                <c:pt idx="12">
                  <c:v>18</c:v>
                </c:pt>
                <c:pt idx="13">
                  <c:v>17.899999999999999</c:v>
                </c:pt>
                <c:pt idx="14">
                  <c:v>17.899999999999999</c:v>
                </c:pt>
                <c:pt idx="15">
                  <c:v>17.5</c:v>
                </c:pt>
                <c:pt idx="16">
                  <c:v>17.5</c:v>
                </c:pt>
                <c:pt idx="17">
                  <c:v>17.3</c:v>
                </c:pt>
                <c:pt idx="18">
                  <c:v>17.2</c:v>
                </c:pt>
                <c:pt idx="19">
                  <c:v>17</c:v>
                </c:pt>
                <c:pt idx="20">
                  <c:v>17</c:v>
                </c:pt>
                <c:pt idx="21">
                  <c:v>16.899999999999999</c:v>
                </c:pt>
                <c:pt idx="22">
                  <c:v>16.7</c:v>
                </c:pt>
                <c:pt idx="23">
                  <c:v>16.7</c:v>
                </c:pt>
                <c:pt idx="24">
                  <c:v>16.5</c:v>
                </c:pt>
                <c:pt idx="25">
                  <c:v>16.2</c:v>
                </c:pt>
                <c:pt idx="26">
                  <c:v>16.5</c:v>
                </c:pt>
                <c:pt idx="27">
                  <c:v>16.2</c:v>
                </c:pt>
                <c:pt idx="28">
                  <c:v>16.3</c:v>
                </c:pt>
                <c:pt idx="29">
                  <c:v>16</c:v>
                </c:pt>
                <c:pt idx="30">
                  <c:v>15.8</c:v>
                </c:pt>
                <c:pt idx="31">
                  <c:v>16</c:v>
                </c:pt>
                <c:pt idx="32">
                  <c:v>15.5</c:v>
                </c:pt>
                <c:pt idx="33">
                  <c:v>15.8</c:v>
                </c:pt>
                <c:pt idx="34">
                  <c:v>15.6</c:v>
                </c:pt>
                <c:pt idx="35">
                  <c:v>15.4</c:v>
                </c:pt>
                <c:pt idx="36">
                  <c:v>15.7</c:v>
                </c:pt>
                <c:pt idx="37">
                  <c:v>15.6</c:v>
                </c:pt>
                <c:pt idx="38">
                  <c:v>15.4</c:v>
                </c:pt>
                <c:pt idx="39">
                  <c:v>15.3</c:v>
                </c:pt>
                <c:pt idx="40">
                  <c:v>15.3</c:v>
                </c:pt>
                <c:pt idx="41">
                  <c:v>15.3</c:v>
                </c:pt>
                <c:pt idx="42">
                  <c:v>15.4</c:v>
                </c:pt>
                <c:pt idx="43">
                  <c:v>15</c:v>
                </c:pt>
                <c:pt idx="44">
                  <c:v>15.3</c:v>
                </c:pt>
                <c:pt idx="45">
                  <c:v>15</c:v>
                </c:pt>
                <c:pt idx="46">
                  <c:v>15</c:v>
                </c:pt>
                <c:pt idx="47">
                  <c:v>15</c:v>
                </c:pt>
                <c:pt idx="48">
                  <c:v>14.7</c:v>
                </c:pt>
                <c:pt idx="49">
                  <c:v>14.6</c:v>
                </c:pt>
                <c:pt idx="50">
                  <c:v>14.3</c:v>
                </c:pt>
                <c:pt idx="51">
                  <c:v>15.1</c:v>
                </c:pt>
                <c:pt idx="52">
                  <c:v>14.9</c:v>
                </c:pt>
                <c:pt idx="53">
                  <c:v>14.2</c:v>
                </c:pt>
                <c:pt idx="54">
                  <c:v>14.3</c:v>
                </c:pt>
                <c:pt idx="55">
                  <c:v>14.3</c:v>
                </c:pt>
                <c:pt idx="56">
                  <c:v>14.1</c:v>
                </c:pt>
                <c:pt idx="57">
                  <c:v>14.1</c:v>
                </c:pt>
                <c:pt idx="58">
                  <c:v>14</c:v>
                </c:pt>
                <c:pt idx="59">
                  <c:v>13.8</c:v>
                </c:pt>
                <c:pt idx="60">
                  <c:v>13.9</c:v>
                </c:pt>
                <c:pt idx="61">
                  <c:v>14.3</c:v>
                </c:pt>
                <c:pt idx="62">
                  <c:v>13.6</c:v>
                </c:pt>
                <c:pt idx="63">
                  <c:v>14.1</c:v>
                </c:pt>
                <c:pt idx="64">
                  <c:v>13.5</c:v>
                </c:pt>
                <c:pt idx="65">
                  <c:v>13.7</c:v>
                </c:pt>
                <c:pt idx="66">
                  <c:v>13.9</c:v>
                </c:pt>
                <c:pt idx="67">
                  <c:v>13.7</c:v>
                </c:pt>
                <c:pt idx="68">
                  <c:v>13.7</c:v>
                </c:pt>
                <c:pt idx="69">
                  <c:v>13.6</c:v>
                </c:pt>
                <c:pt idx="70">
                  <c:v>13.4</c:v>
                </c:pt>
                <c:pt idx="71">
                  <c:v>13.6</c:v>
                </c:pt>
                <c:pt idx="72">
                  <c:v>13.4</c:v>
                </c:pt>
                <c:pt idx="73">
                  <c:v>13.3</c:v>
                </c:pt>
                <c:pt idx="74">
                  <c:v>13.5</c:v>
                </c:pt>
                <c:pt idx="75">
                  <c:v>13.4</c:v>
                </c:pt>
                <c:pt idx="76">
                  <c:v>13.6</c:v>
                </c:pt>
                <c:pt idx="77">
                  <c:v>13.4</c:v>
                </c:pt>
                <c:pt idx="78">
                  <c:v>13.1</c:v>
                </c:pt>
                <c:pt idx="79">
                  <c:v>13.3</c:v>
                </c:pt>
                <c:pt idx="80">
                  <c:v>13.2</c:v>
                </c:pt>
                <c:pt idx="81">
                  <c:v>12.7</c:v>
                </c:pt>
                <c:pt idx="82">
                  <c:v>13.3</c:v>
                </c:pt>
                <c:pt idx="83">
                  <c:v>12.8</c:v>
                </c:pt>
                <c:pt idx="84">
                  <c:v>13.2</c:v>
                </c:pt>
                <c:pt idx="85">
                  <c:v>12.4</c:v>
                </c:pt>
                <c:pt idx="86">
                  <c:v>12.6</c:v>
                </c:pt>
                <c:pt idx="87">
                  <c:v>12.7</c:v>
                </c:pt>
                <c:pt idx="88">
                  <c:v>12.3</c:v>
                </c:pt>
                <c:pt idx="89">
                  <c:v>12.6</c:v>
                </c:pt>
                <c:pt idx="90">
                  <c:v>12.4</c:v>
                </c:pt>
                <c:pt idx="91">
                  <c:v>12.7</c:v>
                </c:pt>
                <c:pt idx="92">
                  <c:v>12.7</c:v>
                </c:pt>
                <c:pt idx="93">
                  <c:v>12.2</c:v>
                </c:pt>
                <c:pt idx="94">
                  <c:v>12.4</c:v>
                </c:pt>
                <c:pt idx="95">
                  <c:v>12.3</c:v>
                </c:pt>
                <c:pt idx="96">
                  <c:v>12.4</c:v>
                </c:pt>
                <c:pt idx="97">
                  <c:v>12.4</c:v>
                </c:pt>
                <c:pt idx="98">
                  <c:v>12.1</c:v>
                </c:pt>
                <c:pt idx="99">
                  <c:v>12.3</c:v>
                </c:pt>
                <c:pt idx="100">
                  <c:v>12.1</c:v>
                </c:pt>
                <c:pt idx="101">
                  <c:v>12.3</c:v>
                </c:pt>
                <c:pt idx="102">
                  <c:v>12.4</c:v>
                </c:pt>
                <c:pt idx="103">
                  <c:v>11.9</c:v>
                </c:pt>
                <c:pt idx="104">
                  <c:v>12.2</c:v>
                </c:pt>
                <c:pt idx="105">
                  <c:v>12</c:v>
                </c:pt>
                <c:pt idx="106">
                  <c:v>12</c:v>
                </c:pt>
                <c:pt idx="107">
                  <c:v>11.8</c:v>
                </c:pt>
                <c:pt idx="108">
                  <c:v>11.8</c:v>
                </c:pt>
                <c:pt idx="109">
                  <c:v>11.5</c:v>
                </c:pt>
                <c:pt idx="110">
                  <c:v>11.6</c:v>
                </c:pt>
                <c:pt idx="111">
                  <c:v>11.6</c:v>
                </c:pt>
                <c:pt idx="112">
                  <c:v>11.7</c:v>
                </c:pt>
                <c:pt idx="113">
                  <c:v>11.8</c:v>
                </c:pt>
                <c:pt idx="114">
                  <c:v>11.3</c:v>
                </c:pt>
                <c:pt idx="115">
                  <c:v>11.7</c:v>
                </c:pt>
                <c:pt idx="116">
                  <c:v>11.5</c:v>
                </c:pt>
                <c:pt idx="117">
                  <c:v>11.7</c:v>
                </c:pt>
                <c:pt idx="118">
                  <c:v>11.3</c:v>
                </c:pt>
                <c:pt idx="119">
                  <c:v>11.3</c:v>
                </c:pt>
                <c:pt idx="120">
                  <c:v>11</c:v>
                </c:pt>
                <c:pt idx="121">
                  <c:v>11.4</c:v>
                </c:pt>
                <c:pt idx="122">
                  <c:v>11.4</c:v>
                </c:pt>
                <c:pt idx="123">
                  <c:v>11.2</c:v>
                </c:pt>
                <c:pt idx="124">
                  <c:v>10.7</c:v>
                </c:pt>
                <c:pt idx="125">
                  <c:v>11.3</c:v>
                </c:pt>
                <c:pt idx="126">
                  <c:v>11</c:v>
                </c:pt>
                <c:pt idx="127">
                  <c:v>11</c:v>
                </c:pt>
                <c:pt idx="128">
                  <c:v>10.7</c:v>
                </c:pt>
                <c:pt idx="129">
                  <c:v>10.9</c:v>
                </c:pt>
                <c:pt idx="130">
                  <c:v>10.7</c:v>
                </c:pt>
                <c:pt idx="131">
                  <c:v>10.6</c:v>
                </c:pt>
                <c:pt idx="132">
                  <c:v>10.5</c:v>
                </c:pt>
                <c:pt idx="133">
                  <c:v>10.7</c:v>
                </c:pt>
                <c:pt idx="134">
                  <c:v>10.5</c:v>
                </c:pt>
                <c:pt idx="135">
                  <c:v>10.8</c:v>
                </c:pt>
                <c:pt idx="136">
                  <c:v>10.7</c:v>
                </c:pt>
                <c:pt idx="137">
                  <c:v>10.8</c:v>
                </c:pt>
                <c:pt idx="138">
                  <c:v>10.6</c:v>
                </c:pt>
                <c:pt idx="139">
                  <c:v>10.1</c:v>
                </c:pt>
                <c:pt idx="140">
                  <c:v>10.4</c:v>
                </c:pt>
                <c:pt idx="141">
                  <c:v>10.3</c:v>
                </c:pt>
                <c:pt idx="142">
                  <c:v>10.3</c:v>
                </c:pt>
                <c:pt idx="143">
                  <c:v>10.3</c:v>
                </c:pt>
                <c:pt idx="144">
                  <c:v>10.1</c:v>
                </c:pt>
                <c:pt idx="145">
                  <c:v>9.9</c:v>
                </c:pt>
                <c:pt idx="146">
                  <c:v>10.3</c:v>
                </c:pt>
                <c:pt idx="147">
                  <c:v>10.3</c:v>
                </c:pt>
                <c:pt idx="148">
                  <c:v>10.1</c:v>
                </c:pt>
                <c:pt idx="149">
                  <c:v>10.199999999999999</c:v>
                </c:pt>
                <c:pt idx="150">
                  <c:v>10.5</c:v>
                </c:pt>
                <c:pt idx="151">
                  <c:v>9.8000000000000007</c:v>
                </c:pt>
                <c:pt idx="152">
                  <c:v>10.1</c:v>
                </c:pt>
                <c:pt idx="153">
                  <c:v>9.9</c:v>
                </c:pt>
                <c:pt idx="154">
                  <c:v>9.9</c:v>
                </c:pt>
                <c:pt idx="155">
                  <c:v>9.6</c:v>
                </c:pt>
                <c:pt idx="156">
                  <c:v>9.6</c:v>
                </c:pt>
                <c:pt idx="157">
                  <c:v>9.9</c:v>
                </c:pt>
                <c:pt idx="158">
                  <c:v>9.9</c:v>
                </c:pt>
                <c:pt idx="159">
                  <c:v>9.6999999999999993</c:v>
                </c:pt>
                <c:pt idx="160">
                  <c:v>9.9</c:v>
                </c:pt>
                <c:pt idx="161">
                  <c:v>9.5</c:v>
                </c:pt>
                <c:pt idx="162">
                  <c:v>9.9</c:v>
                </c:pt>
                <c:pt idx="163">
                  <c:v>10.1</c:v>
                </c:pt>
                <c:pt idx="164">
                  <c:v>9.8000000000000007</c:v>
                </c:pt>
                <c:pt idx="165">
                  <c:v>9.8000000000000007</c:v>
                </c:pt>
                <c:pt idx="166">
                  <c:v>9.8000000000000007</c:v>
                </c:pt>
                <c:pt idx="167">
                  <c:v>9.1</c:v>
                </c:pt>
                <c:pt idx="168">
                  <c:v>9.6999999999999993</c:v>
                </c:pt>
                <c:pt idx="169">
                  <c:v>9.8000000000000007</c:v>
                </c:pt>
                <c:pt idx="170">
                  <c:v>9.6999999999999993</c:v>
                </c:pt>
                <c:pt idx="171">
                  <c:v>9.6999999999999993</c:v>
                </c:pt>
                <c:pt idx="172">
                  <c:v>9.8000000000000007</c:v>
                </c:pt>
                <c:pt idx="173">
                  <c:v>9.6999999999999993</c:v>
                </c:pt>
                <c:pt idx="174">
                  <c:v>9.6</c:v>
                </c:pt>
                <c:pt idx="175">
                  <c:v>9.6999999999999993</c:v>
                </c:pt>
                <c:pt idx="176">
                  <c:v>9.6</c:v>
                </c:pt>
                <c:pt idx="177">
                  <c:v>9.6999999999999993</c:v>
                </c:pt>
                <c:pt idx="178">
                  <c:v>9.9</c:v>
                </c:pt>
                <c:pt idx="179">
                  <c:v>9.9</c:v>
                </c:pt>
                <c:pt idx="180">
                  <c:v>9.8000000000000007</c:v>
                </c:pt>
                <c:pt idx="181">
                  <c:v>9.8000000000000007</c:v>
                </c:pt>
                <c:pt idx="182">
                  <c:v>9.6999999999999993</c:v>
                </c:pt>
                <c:pt idx="183">
                  <c:v>9.9</c:v>
                </c:pt>
                <c:pt idx="184">
                  <c:v>10.1</c:v>
                </c:pt>
                <c:pt idx="185">
                  <c:v>9.8000000000000007</c:v>
                </c:pt>
                <c:pt idx="186">
                  <c:v>9.9</c:v>
                </c:pt>
                <c:pt idx="187">
                  <c:v>9.6</c:v>
                </c:pt>
                <c:pt idx="188">
                  <c:v>9.6</c:v>
                </c:pt>
                <c:pt idx="189">
                  <c:v>9.8000000000000007</c:v>
                </c:pt>
                <c:pt idx="190">
                  <c:v>9.5</c:v>
                </c:pt>
                <c:pt idx="191">
                  <c:v>9.3000000000000007</c:v>
                </c:pt>
                <c:pt idx="192">
                  <c:v>9.6</c:v>
                </c:pt>
                <c:pt idx="193">
                  <c:v>9.5</c:v>
                </c:pt>
                <c:pt idx="194">
                  <c:v>9.3000000000000007</c:v>
                </c:pt>
                <c:pt idx="195">
                  <c:v>9.6999999999999993</c:v>
                </c:pt>
                <c:pt idx="196">
                  <c:v>9.5</c:v>
                </c:pt>
                <c:pt idx="197">
                  <c:v>9.3000000000000007</c:v>
                </c:pt>
                <c:pt idx="198">
                  <c:v>9</c:v>
                </c:pt>
                <c:pt idx="199">
                  <c:v>9.3000000000000007</c:v>
                </c:pt>
                <c:pt idx="200">
                  <c:v>9</c:v>
                </c:pt>
                <c:pt idx="201">
                  <c:v>9.3000000000000007</c:v>
                </c:pt>
                <c:pt idx="202">
                  <c:v>9.8000000000000007</c:v>
                </c:pt>
                <c:pt idx="203">
                  <c:v>9.1</c:v>
                </c:pt>
                <c:pt idx="204">
                  <c:v>9.3000000000000007</c:v>
                </c:pt>
                <c:pt idx="205">
                  <c:v>9.1</c:v>
                </c:pt>
                <c:pt idx="206">
                  <c:v>9.5</c:v>
                </c:pt>
                <c:pt idx="207">
                  <c:v>9.3000000000000007</c:v>
                </c:pt>
                <c:pt idx="208">
                  <c:v>9.6999999999999993</c:v>
                </c:pt>
                <c:pt idx="209">
                  <c:v>9.1</c:v>
                </c:pt>
                <c:pt idx="210">
                  <c:v>9</c:v>
                </c:pt>
                <c:pt idx="211">
                  <c:v>9.3000000000000007</c:v>
                </c:pt>
                <c:pt idx="212">
                  <c:v>9</c:v>
                </c:pt>
                <c:pt idx="213">
                  <c:v>9</c:v>
                </c:pt>
                <c:pt idx="214">
                  <c:v>9.3000000000000007</c:v>
                </c:pt>
                <c:pt idx="215">
                  <c:v>9</c:v>
                </c:pt>
                <c:pt idx="216">
                  <c:v>9.6</c:v>
                </c:pt>
                <c:pt idx="217">
                  <c:v>9.3000000000000007</c:v>
                </c:pt>
                <c:pt idx="218">
                  <c:v>9.3000000000000007</c:v>
                </c:pt>
                <c:pt idx="219">
                  <c:v>9.1</c:v>
                </c:pt>
                <c:pt idx="220">
                  <c:v>9.1</c:v>
                </c:pt>
                <c:pt idx="221">
                  <c:v>9.1</c:v>
                </c:pt>
                <c:pt idx="222">
                  <c:v>9.1</c:v>
                </c:pt>
                <c:pt idx="223">
                  <c:v>9.3000000000000007</c:v>
                </c:pt>
                <c:pt idx="224">
                  <c:v>9.3000000000000007</c:v>
                </c:pt>
                <c:pt idx="225">
                  <c:v>9.3000000000000007</c:v>
                </c:pt>
                <c:pt idx="226">
                  <c:v>9.5</c:v>
                </c:pt>
                <c:pt idx="227">
                  <c:v>8.8000000000000007</c:v>
                </c:pt>
                <c:pt idx="228">
                  <c:v>9.1</c:v>
                </c:pt>
                <c:pt idx="229">
                  <c:v>9.1</c:v>
                </c:pt>
                <c:pt idx="230">
                  <c:v>9.1</c:v>
                </c:pt>
                <c:pt idx="231">
                  <c:v>9.5</c:v>
                </c:pt>
                <c:pt idx="232">
                  <c:v>9</c:v>
                </c:pt>
                <c:pt idx="233">
                  <c:v>9.3000000000000007</c:v>
                </c:pt>
                <c:pt idx="234">
                  <c:v>9.1</c:v>
                </c:pt>
                <c:pt idx="235">
                  <c:v>9</c:v>
                </c:pt>
                <c:pt idx="236">
                  <c:v>8.6</c:v>
                </c:pt>
                <c:pt idx="237">
                  <c:v>9.1</c:v>
                </c:pt>
                <c:pt idx="238">
                  <c:v>9</c:v>
                </c:pt>
                <c:pt idx="239">
                  <c:v>9.3000000000000007</c:v>
                </c:pt>
                <c:pt idx="240">
                  <c:v>9.1</c:v>
                </c:pt>
                <c:pt idx="241">
                  <c:v>8.9</c:v>
                </c:pt>
                <c:pt idx="242">
                  <c:v>9</c:v>
                </c:pt>
                <c:pt idx="243">
                  <c:v>8.9</c:v>
                </c:pt>
                <c:pt idx="244">
                  <c:v>8.8000000000000007</c:v>
                </c:pt>
                <c:pt idx="245">
                  <c:v>9</c:v>
                </c:pt>
                <c:pt idx="246">
                  <c:v>8.9</c:v>
                </c:pt>
                <c:pt idx="247">
                  <c:v>8.9</c:v>
                </c:pt>
                <c:pt idx="248">
                  <c:v>8.5</c:v>
                </c:pt>
                <c:pt idx="249">
                  <c:v>9</c:v>
                </c:pt>
                <c:pt idx="250">
                  <c:v>9</c:v>
                </c:pt>
                <c:pt idx="251">
                  <c:v>8.6999999999999993</c:v>
                </c:pt>
                <c:pt idx="252">
                  <c:v>8.6999999999999993</c:v>
                </c:pt>
                <c:pt idx="253">
                  <c:v>8.8000000000000007</c:v>
                </c:pt>
                <c:pt idx="254">
                  <c:v>9</c:v>
                </c:pt>
                <c:pt idx="255">
                  <c:v>8.9</c:v>
                </c:pt>
                <c:pt idx="256">
                  <c:v>8.8000000000000007</c:v>
                </c:pt>
                <c:pt idx="257">
                  <c:v>8.8000000000000007</c:v>
                </c:pt>
                <c:pt idx="258">
                  <c:v>8.8000000000000007</c:v>
                </c:pt>
                <c:pt idx="259">
                  <c:v>8.6</c:v>
                </c:pt>
                <c:pt idx="260">
                  <c:v>8.6</c:v>
                </c:pt>
                <c:pt idx="261">
                  <c:v>8.6999999999999993</c:v>
                </c:pt>
                <c:pt idx="262">
                  <c:v>8.6999999999999993</c:v>
                </c:pt>
                <c:pt idx="263">
                  <c:v>8.6999999999999993</c:v>
                </c:pt>
                <c:pt idx="264">
                  <c:v>8.8000000000000007</c:v>
                </c:pt>
                <c:pt idx="265">
                  <c:v>8.8000000000000007</c:v>
                </c:pt>
                <c:pt idx="266">
                  <c:v>9</c:v>
                </c:pt>
                <c:pt idx="267">
                  <c:v>8.8000000000000007</c:v>
                </c:pt>
                <c:pt idx="268">
                  <c:v>8.6</c:v>
                </c:pt>
                <c:pt idx="269">
                  <c:v>8.5</c:v>
                </c:pt>
                <c:pt idx="270">
                  <c:v>8.6999999999999993</c:v>
                </c:pt>
                <c:pt idx="271">
                  <c:v>8.6999999999999993</c:v>
                </c:pt>
                <c:pt idx="272">
                  <c:v>8.6999999999999993</c:v>
                </c:pt>
                <c:pt idx="273">
                  <c:v>8.8000000000000007</c:v>
                </c:pt>
                <c:pt idx="274">
                  <c:v>8.6</c:v>
                </c:pt>
                <c:pt idx="275">
                  <c:v>8.4</c:v>
                </c:pt>
                <c:pt idx="276">
                  <c:v>8.4</c:v>
                </c:pt>
                <c:pt idx="277">
                  <c:v>8.4</c:v>
                </c:pt>
                <c:pt idx="278">
                  <c:v>8.4</c:v>
                </c:pt>
                <c:pt idx="279">
                  <c:v>8.4</c:v>
                </c:pt>
                <c:pt idx="280">
                  <c:v>8.1</c:v>
                </c:pt>
                <c:pt idx="281">
                  <c:v>8</c:v>
                </c:pt>
                <c:pt idx="282">
                  <c:v>8.1</c:v>
                </c:pt>
                <c:pt idx="283">
                  <c:v>8.1</c:v>
                </c:pt>
                <c:pt idx="284">
                  <c:v>8.1</c:v>
                </c:pt>
                <c:pt idx="285">
                  <c:v>8</c:v>
                </c:pt>
                <c:pt idx="286">
                  <c:v>8.1999999999999993</c:v>
                </c:pt>
                <c:pt idx="287">
                  <c:v>7.9</c:v>
                </c:pt>
                <c:pt idx="288">
                  <c:v>8.1</c:v>
                </c:pt>
                <c:pt idx="289">
                  <c:v>8.3000000000000007</c:v>
                </c:pt>
                <c:pt idx="290">
                  <c:v>8.3000000000000007</c:v>
                </c:pt>
                <c:pt idx="291">
                  <c:v>8.3000000000000007</c:v>
                </c:pt>
                <c:pt idx="292">
                  <c:v>8</c:v>
                </c:pt>
                <c:pt idx="293">
                  <c:v>8.1</c:v>
                </c:pt>
                <c:pt idx="294">
                  <c:v>8.5</c:v>
                </c:pt>
                <c:pt idx="295">
                  <c:v>8</c:v>
                </c:pt>
                <c:pt idx="296">
                  <c:v>8.1999999999999993</c:v>
                </c:pt>
                <c:pt idx="297">
                  <c:v>8.3000000000000007</c:v>
                </c:pt>
                <c:pt idx="298">
                  <c:v>8</c:v>
                </c:pt>
                <c:pt idx="299">
                  <c:v>7.9</c:v>
                </c:pt>
                <c:pt idx="300">
                  <c:v>7.9</c:v>
                </c:pt>
                <c:pt idx="301">
                  <c:v>7.9</c:v>
                </c:pt>
                <c:pt idx="302">
                  <c:v>8.1</c:v>
                </c:pt>
                <c:pt idx="303">
                  <c:v>8.1999999999999993</c:v>
                </c:pt>
                <c:pt idx="304">
                  <c:v>8</c:v>
                </c:pt>
                <c:pt idx="305">
                  <c:v>8.1</c:v>
                </c:pt>
                <c:pt idx="306">
                  <c:v>8.1</c:v>
                </c:pt>
                <c:pt idx="307">
                  <c:v>7.7</c:v>
                </c:pt>
                <c:pt idx="308">
                  <c:v>8.1999999999999993</c:v>
                </c:pt>
                <c:pt idx="309">
                  <c:v>7.9</c:v>
                </c:pt>
                <c:pt idx="310">
                  <c:v>8.1999999999999993</c:v>
                </c:pt>
                <c:pt idx="311">
                  <c:v>8</c:v>
                </c:pt>
                <c:pt idx="312">
                  <c:v>7.7</c:v>
                </c:pt>
                <c:pt idx="313">
                  <c:v>8</c:v>
                </c:pt>
                <c:pt idx="314">
                  <c:v>8.1</c:v>
                </c:pt>
                <c:pt idx="315">
                  <c:v>8.1</c:v>
                </c:pt>
                <c:pt idx="316">
                  <c:v>8.1999999999999993</c:v>
                </c:pt>
                <c:pt idx="317">
                  <c:v>7.7</c:v>
                </c:pt>
                <c:pt idx="318">
                  <c:v>8.1</c:v>
                </c:pt>
                <c:pt idx="319">
                  <c:v>8.5</c:v>
                </c:pt>
                <c:pt idx="320">
                  <c:v>8.1</c:v>
                </c:pt>
                <c:pt idx="321">
                  <c:v>8.1999999999999993</c:v>
                </c:pt>
                <c:pt idx="322">
                  <c:v>7.8</c:v>
                </c:pt>
                <c:pt idx="323">
                  <c:v>7.8</c:v>
                </c:pt>
                <c:pt idx="324">
                  <c:v>8.1</c:v>
                </c:pt>
                <c:pt idx="325">
                  <c:v>8.3000000000000007</c:v>
                </c:pt>
                <c:pt idx="326">
                  <c:v>8</c:v>
                </c:pt>
                <c:pt idx="327">
                  <c:v>8</c:v>
                </c:pt>
                <c:pt idx="328">
                  <c:v>7.7</c:v>
                </c:pt>
                <c:pt idx="329">
                  <c:v>8.1999999999999993</c:v>
                </c:pt>
                <c:pt idx="330">
                  <c:v>8.1</c:v>
                </c:pt>
                <c:pt idx="331">
                  <c:v>7.8</c:v>
                </c:pt>
                <c:pt idx="332">
                  <c:v>8.4</c:v>
                </c:pt>
                <c:pt idx="333">
                  <c:v>7.9</c:v>
                </c:pt>
                <c:pt idx="334">
                  <c:v>7.6</c:v>
                </c:pt>
                <c:pt idx="335">
                  <c:v>7.9</c:v>
                </c:pt>
                <c:pt idx="336">
                  <c:v>7.9</c:v>
                </c:pt>
                <c:pt idx="337">
                  <c:v>7.9</c:v>
                </c:pt>
                <c:pt idx="338">
                  <c:v>7.9</c:v>
                </c:pt>
                <c:pt idx="339">
                  <c:v>7.9</c:v>
                </c:pt>
                <c:pt idx="340">
                  <c:v>7.8</c:v>
                </c:pt>
                <c:pt idx="341">
                  <c:v>7.3</c:v>
                </c:pt>
                <c:pt idx="342">
                  <c:v>8</c:v>
                </c:pt>
                <c:pt idx="343">
                  <c:v>7.7</c:v>
                </c:pt>
                <c:pt idx="344">
                  <c:v>7.9</c:v>
                </c:pt>
                <c:pt idx="345">
                  <c:v>7.7</c:v>
                </c:pt>
                <c:pt idx="346">
                  <c:v>7.8</c:v>
                </c:pt>
                <c:pt idx="347">
                  <c:v>8</c:v>
                </c:pt>
                <c:pt idx="348">
                  <c:v>7.7</c:v>
                </c:pt>
                <c:pt idx="349">
                  <c:v>7.8</c:v>
                </c:pt>
                <c:pt idx="350">
                  <c:v>7.6</c:v>
                </c:pt>
                <c:pt idx="351">
                  <c:v>7.7</c:v>
                </c:pt>
                <c:pt idx="352">
                  <c:v>7.4</c:v>
                </c:pt>
                <c:pt idx="353">
                  <c:v>7.6</c:v>
                </c:pt>
                <c:pt idx="354">
                  <c:v>7.7</c:v>
                </c:pt>
                <c:pt idx="355">
                  <c:v>7.6</c:v>
                </c:pt>
                <c:pt idx="356">
                  <c:v>7.4</c:v>
                </c:pt>
                <c:pt idx="357">
                  <c:v>7.3</c:v>
                </c:pt>
                <c:pt idx="358">
                  <c:v>7.7</c:v>
                </c:pt>
                <c:pt idx="359">
                  <c:v>7.7</c:v>
                </c:pt>
                <c:pt idx="360">
                  <c:v>7.2</c:v>
                </c:pt>
                <c:pt idx="361">
                  <c:v>7.6</c:v>
                </c:pt>
                <c:pt idx="362">
                  <c:v>7.1</c:v>
                </c:pt>
                <c:pt idx="363">
                  <c:v>7.4</c:v>
                </c:pt>
                <c:pt idx="364">
                  <c:v>7.2</c:v>
                </c:pt>
                <c:pt idx="365">
                  <c:v>7.6</c:v>
                </c:pt>
                <c:pt idx="366">
                  <c:v>7.6</c:v>
                </c:pt>
                <c:pt idx="367">
                  <c:v>7.4</c:v>
                </c:pt>
                <c:pt idx="368">
                  <c:v>7.6</c:v>
                </c:pt>
                <c:pt idx="369">
                  <c:v>7.4</c:v>
                </c:pt>
                <c:pt idx="370">
                  <c:v>7.3</c:v>
                </c:pt>
                <c:pt idx="371">
                  <c:v>7</c:v>
                </c:pt>
                <c:pt idx="372">
                  <c:v>7.7</c:v>
                </c:pt>
                <c:pt idx="373">
                  <c:v>7.1</c:v>
                </c:pt>
                <c:pt idx="374">
                  <c:v>7.4</c:v>
                </c:pt>
                <c:pt idx="375">
                  <c:v>7.1</c:v>
                </c:pt>
                <c:pt idx="376">
                  <c:v>7.3</c:v>
                </c:pt>
                <c:pt idx="377">
                  <c:v>7.4</c:v>
                </c:pt>
                <c:pt idx="378">
                  <c:v>7.2</c:v>
                </c:pt>
                <c:pt idx="379">
                  <c:v>7.3</c:v>
                </c:pt>
                <c:pt idx="380">
                  <c:v>7.2</c:v>
                </c:pt>
                <c:pt idx="381">
                  <c:v>7.2</c:v>
                </c:pt>
                <c:pt idx="382">
                  <c:v>7.6</c:v>
                </c:pt>
                <c:pt idx="383">
                  <c:v>7.1</c:v>
                </c:pt>
                <c:pt idx="384">
                  <c:v>7.3</c:v>
                </c:pt>
                <c:pt idx="385">
                  <c:v>7.6</c:v>
                </c:pt>
                <c:pt idx="386">
                  <c:v>7.2</c:v>
                </c:pt>
                <c:pt idx="387">
                  <c:v>7.1</c:v>
                </c:pt>
                <c:pt idx="388">
                  <c:v>7.3</c:v>
                </c:pt>
                <c:pt idx="389">
                  <c:v>7.6</c:v>
                </c:pt>
                <c:pt idx="390">
                  <c:v>7.6</c:v>
                </c:pt>
                <c:pt idx="391">
                  <c:v>7.6</c:v>
                </c:pt>
                <c:pt idx="392">
                  <c:v>7.8</c:v>
                </c:pt>
                <c:pt idx="393">
                  <c:v>7.6</c:v>
                </c:pt>
                <c:pt idx="394">
                  <c:v>7.4</c:v>
                </c:pt>
                <c:pt idx="395">
                  <c:v>7.6</c:v>
                </c:pt>
                <c:pt idx="396">
                  <c:v>7.7</c:v>
                </c:pt>
                <c:pt idx="397">
                  <c:v>7.6</c:v>
                </c:pt>
                <c:pt idx="398">
                  <c:v>7.3</c:v>
                </c:pt>
                <c:pt idx="399">
                  <c:v>7.2</c:v>
                </c:pt>
                <c:pt idx="400">
                  <c:v>7.4</c:v>
                </c:pt>
                <c:pt idx="401">
                  <c:v>7.6</c:v>
                </c:pt>
                <c:pt idx="402">
                  <c:v>7.6</c:v>
                </c:pt>
                <c:pt idx="403">
                  <c:v>7.7</c:v>
                </c:pt>
                <c:pt idx="404">
                  <c:v>7.6</c:v>
                </c:pt>
                <c:pt idx="405">
                  <c:v>7.1</c:v>
                </c:pt>
                <c:pt idx="406">
                  <c:v>7.2</c:v>
                </c:pt>
                <c:pt idx="407">
                  <c:v>7.4</c:v>
                </c:pt>
                <c:pt idx="408">
                  <c:v>7.2</c:v>
                </c:pt>
                <c:pt idx="409">
                  <c:v>7.4</c:v>
                </c:pt>
                <c:pt idx="410">
                  <c:v>7.6</c:v>
                </c:pt>
                <c:pt idx="411">
                  <c:v>7.2</c:v>
                </c:pt>
                <c:pt idx="412">
                  <c:v>7.6</c:v>
                </c:pt>
                <c:pt idx="413">
                  <c:v>7.3</c:v>
                </c:pt>
                <c:pt idx="414">
                  <c:v>7.4</c:v>
                </c:pt>
                <c:pt idx="415">
                  <c:v>7.2</c:v>
                </c:pt>
                <c:pt idx="416">
                  <c:v>7.2</c:v>
                </c:pt>
                <c:pt idx="417">
                  <c:v>7</c:v>
                </c:pt>
                <c:pt idx="418">
                  <c:v>7.2</c:v>
                </c:pt>
                <c:pt idx="419">
                  <c:v>7.2</c:v>
                </c:pt>
                <c:pt idx="420">
                  <c:v>7.1</c:v>
                </c:pt>
                <c:pt idx="421">
                  <c:v>7</c:v>
                </c:pt>
                <c:pt idx="422">
                  <c:v>7.3</c:v>
                </c:pt>
                <c:pt idx="423">
                  <c:v>7.2</c:v>
                </c:pt>
                <c:pt idx="424">
                  <c:v>7.2</c:v>
                </c:pt>
                <c:pt idx="425">
                  <c:v>6.8</c:v>
                </c:pt>
                <c:pt idx="426">
                  <c:v>6.7</c:v>
                </c:pt>
                <c:pt idx="427">
                  <c:v>7</c:v>
                </c:pt>
                <c:pt idx="428">
                  <c:v>7.1</c:v>
                </c:pt>
                <c:pt idx="429">
                  <c:v>7</c:v>
                </c:pt>
                <c:pt idx="430">
                  <c:v>6.7</c:v>
                </c:pt>
                <c:pt idx="431">
                  <c:v>7.1</c:v>
                </c:pt>
                <c:pt idx="432">
                  <c:v>7.2</c:v>
                </c:pt>
                <c:pt idx="433">
                  <c:v>7.1</c:v>
                </c:pt>
                <c:pt idx="434">
                  <c:v>7</c:v>
                </c:pt>
                <c:pt idx="435">
                  <c:v>7.1</c:v>
                </c:pt>
                <c:pt idx="436">
                  <c:v>7.2</c:v>
                </c:pt>
                <c:pt idx="437">
                  <c:v>7</c:v>
                </c:pt>
                <c:pt idx="438">
                  <c:v>6.8</c:v>
                </c:pt>
                <c:pt idx="439">
                  <c:v>7.1</c:v>
                </c:pt>
                <c:pt idx="440">
                  <c:v>6.9</c:v>
                </c:pt>
                <c:pt idx="441">
                  <c:v>6.9</c:v>
                </c:pt>
                <c:pt idx="442">
                  <c:v>7.1</c:v>
                </c:pt>
                <c:pt idx="443">
                  <c:v>6.8</c:v>
                </c:pt>
                <c:pt idx="444">
                  <c:v>7</c:v>
                </c:pt>
                <c:pt idx="445">
                  <c:v>7</c:v>
                </c:pt>
                <c:pt idx="446">
                  <c:v>7.1</c:v>
                </c:pt>
                <c:pt idx="447">
                  <c:v>6.7</c:v>
                </c:pt>
                <c:pt idx="448">
                  <c:v>6.9</c:v>
                </c:pt>
                <c:pt idx="449">
                  <c:v>7</c:v>
                </c:pt>
                <c:pt idx="450">
                  <c:v>6.6</c:v>
                </c:pt>
                <c:pt idx="451">
                  <c:v>6.8</c:v>
                </c:pt>
                <c:pt idx="452">
                  <c:v>7</c:v>
                </c:pt>
                <c:pt idx="453">
                  <c:v>6.7</c:v>
                </c:pt>
                <c:pt idx="454">
                  <c:v>6.7</c:v>
                </c:pt>
                <c:pt idx="455">
                  <c:v>7.1</c:v>
                </c:pt>
                <c:pt idx="456">
                  <c:v>7.1</c:v>
                </c:pt>
                <c:pt idx="457">
                  <c:v>6.7</c:v>
                </c:pt>
                <c:pt idx="458">
                  <c:v>6.7</c:v>
                </c:pt>
                <c:pt idx="459">
                  <c:v>6.9</c:v>
                </c:pt>
                <c:pt idx="460">
                  <c:v>6.6</c:v>
                </c:pt>
                <c:pt idx="461">
                  <c:v>6.9</c:v>
                </c:pt>
                <c:pt idx="462">
                  <c:v>6.8</c:v>
                </c:pt>
                <c:pt idx="463">
                  <c:v>6.9</c:v>
                </c:pt>
                <c:pt idx="464">
                  <c:v>6.6</c:v>
                </c:pt>
                <c:pt idx="465">
                  <c:v>6.7</c:v>
                </c:pt>
                <c:pt idx="466">
                  <c:v>6.6</c:v>
                </c:pt>
                <c:pt idx="467">
                  <c:v>6.6</c:v>
                </c:pt>
                <c:pt idx="468">
                  <c:v>6.8</c:v>
                </c:pt>
                <c:pt idx="469">
                  <c:v>6.7</c:v>
                </c:pt>
                <c:pt idx="470">
                  <c:v>6.6</c:v>
                </c:pt>
                <c:pt idx="471">
                  <c:v>6.7</c:v>
                </c:pt>
                <c:pt idx="472">
                  <c:v>6.8</c:v>
                </c:pt>
                <c:pt idx="473">
                  <c:v>6.5</c:v>
                </c:pt>
                <c:pt idx="474">
                  <c:v>6.6</c:v>
                </c:pt>
                <c:pt idx="475">
                  <c:v>6.5</c:v>
                </c:pt>
                <c:pt idx="476">
                  <c:v>6.6</c:v>
                </c:pt>
                <c:pt idx="477">
                  <c:v>6.3</c:v>
                </c:pt>
                <c:pt idx="478">
                  <c:v>6.5</c:v>
                </c:pt>
                <c:pt idx="479">
                  <c:v>6.5</c:v>
                </c:pt>
                <c:pt idx="480">
                  <c:v>6.4</c:v>
                </c:pt>
                <c:pt idx="481">
                  <c:v>6.9</c:v>
                </c:pt>
                <c:pt idx="482">
                  <c:v>6.9</c:v>
                </c:pt>
                <c:pt idx="483">
                  <c:v>6.6</c:v>
                </c:pt>
                <c:pt idx="484">
                  <c:v>6.4</c:v>
                </c:pt>
                <c:pt idx="485">
                  <c:v>6.8</c:v>
                </c:pt>
                <c:pt idx="486">
                  <c:v>6.6</c:v>
                </c:pt>
                <c:pt idx="487">
                  <c:v>6.4</c:v>
                </c:pt>
                <c:pt idx="488">
                  <c:v>6.3</c:v>
                </c:pt>
                <c:pt idx="489">
                  <c:v>6.5</c:v>
                </c:pt>
                <c:pt idx="490">
                  <c:v>6.6</c:v>
                </c:pt>
                <c:pt idx="491">
                  <c:v>6.5</c:v>
                </c:pt>
                <c:pt idx="492">
                  <c:v>6.6</c:v>
                </c:pt>
                <c:pt idx="493">
                  <c:v>6.9</c:v>
                </c:pt>
                <c:pt idx="494">
                  <c:v>6.4</c:v>
                </c:pt>
                <c:pt idx="495">
                  <c:v>6.4</c:v>
                </c:pt>
                <c:pt idx="496">
                  <c:v>6.2</c:v>
                </c:pt>
                <c:pt idx="497">
                  <c:v>6.6</c:v>
                </c:pt>
                <c:pt idx="498">
                  <c:v>6.3</c:v>
                </c:pt>
                <c:pt idx="499">
                  <c:v>6.4</c:v>
                </c:pt>
                <c:pt idx="500">
                  <c:v>6.5</c:v>
                </c:pt>
                <c:pt idx="501">
                  <c:v>6.6</c:v>
                </c:pt>
                <c:pt idx="502">
                  <c:v>6.6</c:v>
                </c:pt>
                <c:pt idx="503">
                  <c:v>6.4</c:v>
                </c:pt>
                <c:pt idx="504">
                  <c:v>6.4</c:v>
                </c:pt>
                <c:pt idx="505">
                  <c:v>6.7</c:v>
                </c:pt>
                <c:pt idx="506">
                  <c:v>6.6</c:v>
                </c:pt>
                <c:pt idx="507">
                  <c:v>6.4</c:v>
                </c:pt>
                <c:pt idx="508">
                  <c:v>6.3</c:v>
                </c:pt>
                <c:pt idx="509">
                  <c:v>6.4</c:v>
                </c:pt>
                <c:pt idx="510">
                  <c:v>6.3</c:v>
                </c:pt>
                <c:pt idx="511">
                  <c:v>6</c:v>
                </c:pt>
                <c:pt idx="512">
                  <c:v>6.4</c:v>
                </c:pt>
                <c:pt idx="513">
                  <c:v>6.5</c:v>
                </c:pt>
                <c:pt idx="514">
                  <c:v>6.3</c:v>
                </c:pt>
                <c:pt idx="515">
                  <c:v>6.1</c:v>
                </c:pt>
                <c:pt idx="516">
                  <c:v>6.3</c:v>
                </c:pt>
                <c:pt idx="517">
                  <c:v>6.4</c:v>
                </c:pt>
                <c:pt idx="518">
                  <c:v>6.2</c:v>
                </c:pt>
                <c:pt idx="519">
                  <c:v>6.4</c:v>
                </c:pt>
                <c:pt idx="520">
                  <c:v>6.6</c:v>
                </c:pt>
                <c:pt idx="521">
                  <c:v>6.4</c:v>
                </c:pt>
                <c:pt idx="522">
                  <c:v>6.4</c:v>
                </c:pt>
                <c:pt idx="523">
                  <c:v>6.4</c:v>
                </c:pt>
                <c:pt idx="524">
                  <c:v>6.2</c:v>
                </c:pt>
                <c:pt idx="525">
                  <c:v>6.6</c:v>
                </c:pt>
                <c:pt idx="526">
                  <c:v>6.6</c:v>
                </c:pt>
                <c:pt idx="527">
                  <c:v>6.2</c:v>
                </c:pt>
                <c:pt idx="528">
                  <c:v>6.7</c:v>
                </c:pt>
                <c:pt idx="529">
                  <c:v>6.4</c:v>
                </c:pt>
                <c:pt idx="530">
                  <c:v>6.5</c:v>
                </c:pt>
                <c:pt idx="531">
                  <c:v>6.3</c:v>
                </c:pt>
                <c:pt idx="532">
                  <c:v>6.9</c:v>
                </c:pt>
                <c:pt idx="533">
                  <c:v>6.7</c:v>
                </c:pt>
                <c:pt idx="534">
                  <c:v>6.7</c:v>
                </c:pt>
                <c:pt idx="535">
                  <c:v>6.5</c:v>
                </c:pt>
                <c:pt idx="536">
                  <c:v>6.4</c:v>
                </c:pt>
                <c:pt idx="537">
                  <c:v>6.8</c:v>
                </c:pt>
                <c:pt idx="538">
                  <c:v>6.4</c:v>
                </c:pt>
                <c:pt idx="539">
                  <c:v>6.7</c:v>
                </c:pt>
                <c:pt idx="540">
                  <c:v>6.9</c:v>
                </c:pt>
                <c:pt idx="541">
                  <c:v>6.6</c:v>
                </c:pt>
                <c:pt idx="542">
                  <c:v>6.6</c:v>
                </c:pt>
                <c:pt idx="543">
                  <c:v>6.6</c:v>
                </c:pt>
                <c:pt idx="544">
                  <c:v>6.4</c:v>
                </c:pt>
                <c:pt idx="545">
                  <c:v>6.3</c:v>
                </c:pt>
                <c:pt idx="546">
                  <c:v>6.4</c:v>
                </c:pt>
                <c:pt idx="547">
                  <c:v>6.6</c:v>
                </c:pt>
                <c:pt idx="548">
                  <c:v>6.2</c:v>
                </c:pt>
                <c:pt idx="549">
                  <c:v>6.6</c:v>
                </c:pt>
                <c:pt idx="550">
                  <c:v>6.5</c:v>
                </c:pt>
                <c:pt idx="551">
                  <c:v>6.6</c:v>
                </c:pt>
                <c:pt idx="552">
                  <c:v>6.4</c:v>
                </c:pt>
                <c:pt idx="553">
                  <c:v>6.2</c:v>
                </c:pt>
                <c:pt idx="554">
                  <c:v>6.9</c:v>
                </c:pt>
                <c:pt idx="555">
                  <c:v>6.8</c:v>
                </c:pt>
                <c:pt idx="556">
                  <c:v>6.2</c:v>
                </c:pt>
                <c:pt idx="557">
                  <c:v>6.5</c:v>
                </c:pt>
                <c:pt idx="558">
                  <c:v>6.6</c:v>
                </c:pt>
                <c:pt idx="559">
                  <c:v>6</c:v>
                </c:pt>
                <c:pt idx="560">
                  <c:v>6</c:v>
                </c:pt>
                <c:pt idx="561">
                  <c:v>6.3</c:v>
                </c:pt>
                <c:pt idx="562">
                  <c:v>6.5</c:v>
                </c:pt>
                <c:pt idx="563">
                  <c:v>6.1</c:v>
                </c:pt>
                <c:pt idx="564">
                  <c:v>6.5</c:v>
                </c:pt>
                <c:pt idx="565">
                  <c:v>6.3</c:v>
                </c:pt>
                <c:pt idx="566">
                  <c:v>6.5</c:v>
                </c:pt>
                <c:pt idx="567">
                  <c:v>6.2</c:v>
                </c:pt>
                <c:pt idx="568">
                  <c:v>6.4</c:v>
                </c:pt>
                <c:pt idx="569">
                  <c:v>6.3</c:v>
                </c:pt>
                <c:pt idx="570">
                  <c:v>6.5</c:v>
                </c:pt>
                <c:pt idx="571">
                  <c:v>6.4</c:v>
                </c:pt>
                <c:pt idx="572">
                  <c:v>6.5</c:v>
                </c:pt>
                <c:pt idx="573">
                  <c:v>6.6</c:v>
                </c:pt>
                <c:pt idx="574">
                  <c:v>6.4</c:v>
                </c:pt>
                <c:pt idx="575">
                  <c:v>6.5</c:v>
                </c:pt>
                <c:pt idx="576">
                  <c:v>6.4</c:v>
                </c:pt>
                <c:pt idx="577">
                  <c:v>6.8</c:v>
                </c:pt>
                <c:pt idx="578">
                  <c:v>6.3</c:v>
                </c:pt>
                <c:pt idx="579">
                  <c:v>6.2</c:v>
                </c:pt>
                <c:pt idx="580">
                  <c:v>6.5</c:v>
                </c:pt>
                <c:pt idx="581">
                  <c:v>6.1</c:v>
                </c:pt>
                <c:pt idx="582">
                  <c:v>6.5</c:v>
                </c:pt>
                <c:pt idx="583">
                  <c:v>6.1</c:v>
                </c:pt>
                <c:pt idx="584">
                  <c:v>6.5</c:v>
                </c:pt>
                <c:pt idx="585">
                  <c:v>6.3</c:v>
                </c:pt>
                <c:pt idx="586">
                  <c:v>6.6</c:v>
                </c:pt>
                <c:pt idx="587">
                  <c:v>5.8</c:v>
                </c:pt>
                <c:pt idx="588">
                  <c:v>6.4</c:v>
                </c:pt>
                <c:pt idx="589">
                  <c:v>6</c:v>
                </c:pt>
                <c:pt idx="590">
                  <c:v>6.3</c:v>
                </c:pt>
                <c:pt idx="591">
                  <c:v>6.3</c:v>
                </c:pt>
                <c:pt idx="592">
                  <c:v>6.3</c:v>
                </c:pt>
                <c:pt idx="593">
                  <c:v>6.3</c:v>
                </c:pt>
                <c:pt idx="594">
                  <c:v>6.2</c:v>
                </c:pt>
                <c:pt idx="595">
                  <c:v>6.4</c:v>
                </c:pt>
                <c:pt idx="596">
                  <c:v>6.5</c:v>
                </c:pt>
                <c:pt idx="597">
                  <c:v>6.2</c:v>
                </c:pt>
                <c:pt idx="598">
                  <c:v>6.1</c:v>
                </c:pt>
                <c:pt idx="599">
                  <c:v>6.4</c:v>
                </c:pt>
                <c:pt idx="600">
                  <c:v>6.1</c:v>
                </c:pt>
                <c:pt idx="601">
                  <c:v>6.3</c:v>
                </c:pt>
                <c:pt idx="602">
                  <c:v>6.3</c:v>
                </c:pt>
                <c:pt idx="603">
                  <c:v>5.9</c:v>
                </c:pt>
                <c:pt idx="604">
                  <c:v>6.2</c:v>
                </c:pt>
                <c:pt idx="605">
                  <c:v>6.4</c:v>
                </c:pt>
                <c:pt idx="606">
                  <c:v>6.1</c:v>
                </c:pt>
                <c:pt idx="607">
                  <c:v>6.3</c:v>
                </c:pt>
                <c:pt idx="608">
                  <c:v>6.3</c:v>
                </c:pt>
                <c:pt idx="609">
                  <c:v>6.1</c:v>
                </c:pt>
                <c:pt idx="610">
                  <c:v>6.3</c:v>
                </c:pt>
                <c:pt idx="611">
                  <c:v>6.1</c:v>
                </c:pt>
                <c:pt idx="612">
                  <c:v>6.2</c:v>
                </c:pt>
                <c:pt idx="613">
                  <c:v>6.2</c:v>
                </c:pt>
                <c:pt idx="614">
                  <c:v>6.2</c:v>
                </c:pt>
                <c:pt idx="615">
                  <c:v>6.1</c:v>
                </c:pt>
                <c:pt idx="616">
                  <c:v>6.2</c:v>
                </c:pt>
                <c:pt idx="617">
                  <c:v>6.1</c:v>
                </c:pt>
                <c:pt idx="618">
                  <c:v>6.3</c:v>
                </c:pt>
                <c:pt idx="619">
                  <c:v>6.3</c:v>
                </c:pt>
                <c:pt idx="620">
                  <c:v>6</c:v>
                </c:pt>
                <c:pt idx="621">
                  <c:v>6</c:v>
                </c:pt>
                <c:pt idx="622">
                  <c:v>6.4</c:v>
                </c:pt>
                <c:pt idx="623">
                  <c:v>6.1</c:v>
                </c:pt>
                <c:pt idx="624">
                  <c:v>6.2</c:v>
                </c:pt>
                <c:pt idx="625">
                  <c:v>6.2</c:v>
                </c:pt>
                <c:pt idx="626">
                  <c:v>6.4</c:v>
                </c:pt>
                <c:pt idx="627">
                  <c:v>6.2</c:v>
                </c:pt>
                <c:pt idx="628">
                  <c:v>6.4</c:v>
                </c:pt>
                <c:pt idx="629">
                  <c:v>6.6</c:v>
                </c:pt>
                <c:pt idx="630">
                  <c:v>6.4</c:v>
                </c:pt>
                <c:pt idx="631">
                  <c:v>6.3</c:v>
                </c:pt>
                <c:pt idx="632">
                  <c:v>6.3</c:v>
                </c:pt>
                <c:pt idx="633">
                  <c:v>6.4</c:v>
                </c:pt>
                <c:pt idx="634">
                  <c:v>6.3</c:v>
                </c:pt>
                <c:pt idx="635">
                  <c:v>6</c:v>
                </c:pt>
                <c:pt idx="636">
                  <c:v>6.7</c:v>
                </c:pt>
                <c:pt idx="637">
                  <c:v>6.3</c:v>
                </c:pt>
                <c:pt idx="638">
                  <c:v>6.1</c:v>
                </c:pt>
                <c:pt idx="639">
                  <c:v>6.2</c:v>
                </c:pt>
                <c:pt idx="640">
                  <c:v>6.2</c:v>
                </c:pt>
                <c:pt idx="641">
                  <c:v>6.4</c:v>
                </c:pt>
                <c:pt idx="642">
                  <c:v>5.9</c:v>
                </c:pt>
                <c:pt idx="643">
                  <c:v>6.5</c:v>
                </c:pt>
                <c:pt idx="644">
                  <c:v>6.5</c:v>
                </c:pt>
                <c:pt idx="645">
                  <c:v>6.5</c:v>
                </c:pt>
                <c:pt idx="646">
                  <c:v>6.2</c:v>
                </c:pt>
                <c:pt idx="647">
                  <c:v>6.2</c:v>
                </c:pt>
                <c:pt idx="648">
                  <c:v>6.1</c:v>
                </c:pt>
                <c:pt idx="649">
                  <c:v>6.1</c:v>
                </c:pt>
                <c:pt idx="650">
                  <c:v>6.4</c:v>
                </c:pt>
                <c:pt idx="651">
                  <c:v>6.4</c:v>
                </c:pt>
                <c:pt idx="652">
                  <c:v>6.3</c:v>
                </c:pt>
                <c:pt idx="653">
                  <c:v>6.3</c:v>
                </c:pt>
                <c:pt idx="654">
                  <c:v>6.3</c:v>
                </c:pt>
                <c:pt idx="655">
                  <c:v>6.2</c:v>
                </c:pt>
                <c:pt idx="656">
                  <c:v>6.2</c:v>
                </c:pt>
                <c:pt idx="657">
                  <c:v>6.8</c:v>
                </c:pt>
                <c:pt idx="658">
                  <c:v>6.5</c:v>
                </c:pt>
                <c:pt idx="659">
                  <c:v>6.2</c:v>
                </c:pt>
                <c:pt idx="660">
                  <c:v>6.5</c:v>
                </c:pt>
                <c:pt idx="661">
                  <c:v>7</c:v>
                </c:pt>
                <c:pt idx="662">
                  <c:v>6.9</c:v>
                </c:pt>
                <c:pt idx="663">
                  <c:v>6.3</c:v>
                </c:pt>
                <c:pt idx="664">
                  <c:v>6.6</c:v>
                </c:pt>
                <c:pt idx="665">
                  <c:v>6.6</c:v>
                </c:pt>
                <c:pt idx="666">
                  <c:v>6.6</c:v>
                </c:pt>
                <c:pt idx="667">
                  <c:v>6.6</c:v>
                </c:pt>
                <c:pt idx="668">
                  <c:v>6.5</c:v>
                </c:pt>
                <c:pt idx="669">
                  <c:v>6.3</c:v>
                </c:pt>
                <c:pt idx="670">
                  <c:v>6.6</c:v>
                </c:pt>
                <c:pt idx="671">
                  <c:v>6.4</c:v>
                </c:pt>
                <c:pt idx="672">
                  <c:v>6.4</c:v>
                </c:pt>
                <c:pt idx="673">
                  <c:v>6.2</c:v>
                </c:pt>
                <c:pt idx="674">
                  <c:v>6.4</c:v>
                </c:pt>
                <c:pt idx="675">
                  <c:v>6.6</c:v>
                </c:pt>
                <c:pt idx="676">
                  <c:v>6.3</c:v>
                </c:pt>
                <c:pt idx="677">
                  <c:v>6.5</c:v>
                </c:pt>
                <c:pt idx="678">
                  <c:v>6.3</c:v>
                </c:pt>
                <c:pt idx="679">
                  <c:v>6.5</c:v>
                </c:pt>
                <c:pt idx="680">
                  <c:v>6.6</c:v>
                </c:pt>
                <c:pt idx="681">
                  <c:v>6.3</c:v>
                </c:pt>
                <c:pt idx="682">
                  <c:v>6.2</c:v>
                </c:pt>
                <c:pt idx="683">
                  <c:v>6.3</c:v>
                </c:pt>
                <c:pt idx="684">
                  <c:v>6.3</c:v>
                </c:pt>
                <c:pt idx="685">
                  <c:v>6.7</c:v>
                </c:pt>
                <c:pt idx="686">
                  <c:v>6.4</c:v>
                </c:pt>
                <c:pt idx="687">
                  <c:v>6.6</c:v>
                </c:pt>
                <c:pt idx="688">
                  <c:v>6.5</c:v>
                </c:pt>
                <c:pt idx="689">
                  <c:v>6.4</c:v>
                </c:pt>
                <c:pt idx="690">
                  <c:v>6.4</c:v>
                </c:pt>
                <c:pt idx="691">
                  <c:v>6.6</c:v>
                </c:pt>
                <c:pt idx="692">
                  <c:v>6.5</c:v>
                </c:pt>
                <c:pt idx="693">
                  <c:v>6.7</c:v>
                </c:pt>
                <c:pt idx="694">
                  <c:v>6.3</c:v>
                </c:pt>
                <c:pt idx="695">
                  <c:v>6.7</c:v>
                </c:pt>
                <c:pt idx="696">
                  <c:v>6.4</c:v>
                </c:pt>
                <c:pt idx="697">
                  <c:v>6.7</c:v>
                </c:pt>
                <c:pt idx="698">
                  <c:v>6.6</c:v>
                </c:pt>
                <c:pt idx="699">
                  <c:v>6.4</c:v>
                </c:pt>
                <c:pt idx="700">
                  <c:v>6.1</c:v>
                </c:pt>
                <c:pt idx="701">
                  <c:v>6.8</c:v>
                </c:pt>
                <c:pt idx="702">
                  <c:v>6.4</c:v>
                </c:pt>
                <c:pt idx="703">
                  <c:v>6.6</c:v>
                </c:pt>
                <c:pt idx="704">
                  <c:v>6.5</c:v>
                </c:pt>
                <c:pt idx="705">
                  <c:v>6.2</c:v>
                </c:pt>
                <c:pt idx="706">
                  <c:v>6.2</c:v>
                </c:pt>
                <c:pt idx="707">
                  <c:v>6.7</c:v>
                </c:pt>
                <c:pt idx="708">
                  <c:v>6</c:v>
                </c:pt>
                <c:pt idx="709">
                  <c:v>6</c:v>
                </c:pt>
                <c:pt idx="710">
                  <c:v>6.4</c:v>
                </c:pt>
                <c:pt idx="711">
                  <c:v>6.5</c:v>
                </c:pt>
                <c:pt idx="712">
                  <c:v>6.4</c:v>
                </c:pt>
                <c:pt idx="713">
                  <c:v>6.4</c:v>
                </c:pt>
                <c:pt idx="714">
                  <c:v>6.5</c:v>
                </c:pt>
                <c:pt idx="715">
                  <c:v>6.2</c:v>
                </c:pt>
                <c:pt idx="716">
                  <c:v>6.4</c:v>
                </c:pt>
                <c:pt idx="717">
                  <c:v>6.1</c:v>
                </c:pt>
                <c:pt idx="718">
                  <c:v>6.5</c:v>
                </c:pt>
                <c:pt idx="719">
                  <c:v>6.3</c:v>
                </c:pt>
                <c:pt idx="720">
                  <c:v>6.4</c:v>
                </c:pt>
                <c:pt idx="721">
                  <c:v>6.1</c:v>
                </c:pt>
                <c:pt idx="722">
                  <c:v>6.3</c:v>
                </c:pt>
                <c:pt idx="723">
                  <c:v>6.7</c:v>
                </c:pt>
                <c:pt idx="724">
                  <c:v>6.3</c:v>
                </c:pt>
                <c:pt idx="725">
                  <c:v>6.1</c:v>
                </c:pt>
                <c:pt idx="726">
                  <c:v>6.3</c:v>
                </c:pt>
                <c:pt idx="727">
                  <c:v>6.3</c:v>
                </c:pt>
                <c:pt idx="728">
                  <c:v>6.1</c:v>
                </c:pt>
                <c:pt idx="729">
                  <c:v>6.2</c:v>
                </c:pt>
                <c:pt idx="730">
                  <c:v>6</c:v>
                </c:pt>
                <c:pt idx="731">
                  <c:v>6.5</c:v>
                </c:pt>
                <c:pt idx="732">
                  <c:v>6.5</c:v>
                </c:pt>
                <c:pt idx="733">
                  <c:v>6.2</c:v>
                </c:pt>
                <c:pt idx="734">
                  <c:v>6.5</c:v>
                </c:pt>
                <c:pt idx="735">
                  <c:v>5.7</c:v>
                </c:pt>
                <c:pt idx="736">
                  <c:v>6.6</c:v>
                </c:pt>
                <c:pt idx="737">
                  <c:v>6.7</c:v>
                </c:pt>
                <c:pt idx="738">
                  <c:v>6.7</c:v>
                </c:pt>
                <c:pt idx="739">
                  <c:v>6.3</c:v>
                </c:pt>
                <c:pt idx="740">
                  <c:v>7.6</c:v>
                </c:pt>
                <c:pt idx="741">
                  <c:v>6.4</c:v>
                </c:pt>
                <c:pt idx="742">
                  <c:v>6.7</c:v>
                </c:pt>
                <c:pt idx="743">
                  <c:v>6.4</c:v>
                </c:pt>
                <c:pt idx="744">
                  <c:v>6.5</c:v>
                </c:pt>
                <c:pt idx="745">
                  <c:v>6.4</c:v>
                </c:pt>
                <c:pt idx="746">
                  <c:v>6.4</c:v>
                </c:pt>
                <c:pt idx="747">
                  <c:v>6.7</c:v>
                </c:pt>
                <c:pt idx="748">
                  <c:v>6.6</c:v>
                </c:pt>
                <c:pt idx="749">
                  <c:v>6.4</c:v>
                </c:pt>
                <c:pt idx="750">
                  <c:v>6.3</c:v>
                </c:pt>
                <c:pt idx="751">
                  <c:v>6.7</c:v>
                </c:pt>
                <c:pt idx="752">
                  <c:v>6.7</c:v>
                </c:pt>
                <c:pt idx="753">
                  <c:v>6.3</c:v>
                </c:pt>
                <c:pt idx="754">
                  <c:v>6.7</c:v>
                </c:pt>
                <c:pt idx="755">
                  <c:v>6.7</c:v>
                </c:pt>
                <c:pt idx="756">
                  <c:v>6.5</c:v>
                </c:pt>
                <c:pt idx="757">
                  <c:v>6.9</c:v>
                </c:pt>
                <c:pt idx="758">
                  <c:v>6.7</c:v>
                </c:pt>
                <c:pt idx="759">
                  <c:v>6.7</c:v>
                </c:pt>
                <c:pt idx="760">
                  <c:v>6.8</c:v>
                </c:pt>
                <c:pt idx="761">
                  <c:v>6.6</c:v>
                </c:pt>
                <c:pt idx="762">
                  <c:v>6.9</c:v>
                </c:pt>
                <c:pt idx="763">
                  <c:v>6.9</c:v>
                </c:pt>
                <c:pt idx="764">
                  <c:v>7</c:v>
                </c:pt>
                <c:pt idx="765">
                  <c:v>7.1</c:v>
                </c:pt>
                <c:pt idx="766">
                  <c:v>6.6</c:v>
                </c:pt>
                <c:pt idx="767">
                  <c:v>6.7</c:v>
                </c:pt>
                <c:pt idx="768">
                  <c:v>6.7</c:v>
                </c:pt>
                <c:pt idx="769">
                  <c:v>6.8</c:v>
                </c:pt>
                <c:pt idx="770">
                  <c:v>6.7</c:v>
                </c:pt>
                <c:pt idx="771">
                  <c:v>6.9</c:v>
                </c:pt>
                <c:pt idx="772">
                  <c:v>7.1</c:v>
                </c:pt>
                <c:pt idx="773">
                  <c:v>7</c:v>
                </c:pt>
                <c:pt idx="774">
                  <c:v>6.7</c:v>
                </c:pt>
                <c:pt idx="775">
                  <c:v>7.1</c:v>
                </c:pt>
                <c:pt idx="776">
                  <c:v>6.6</c:v>
                </c:pt>
                <c:pt idx="777">
                  <c:v>6.9</c:v>
                </c:pt>
                <c:pt idx="778">
                  <c:v>6.6</c:v>
                </c:pt>
                <c:pt idx="779">
                  <c:v>6.4</c:v>
                </c:pt>
                <c:pt idx="780">
                  <c:v>6.9</c:v>
                </c:pt>
                <c:pt idx="781">
                  <c:v>7</c:v>
                </c:pt>
                <c:pt idx="782">
                  <c:v>7</c:v>
                </c:pt>
                <c:pt idx="783">
                  <c:v>6.8</c:v>
                </c:pt>
                <c:pt idx="784">
                  <c:v>6.8</c:v>
                </c:pt>
                <c:pt idx="785">
                  <c:v>7</c:v>
                </c:pt>
                <c:pt idx="786">
                  <c:v>6.6</c:v>
                </c:pt>
                <c:pt idx="787">
                  <c:v>6.8</c:v>
                </c:pt>
                <c:pt idx="788">
                  <c:v>7.1</c:v>
                </c:pt>
                <c:pt idx="789">
                  <c:v>6.6</c:v>
                </c:pt>
                <c:pt idx="790">
                  <c:v>6.8</c:v>
                </c:pt>
                <c:pt idx="791">
                  <c:v>6.7</c:v>
                </c:pt>
                <c:pt idx="792">
                  <c:v>6.6</c:v>
                </c:pt>
                <c:pt idx="793">
                  <c:v>6.7</c:v>
                </c:pt>
                <c:pt idx="794">
                  <c:v>6.6</c:v>
                </c:pt>
                <c:pt idx="795">
                  <c:v>6.5</c:v>
                </c:pt>
                <c:pt idx="796">
                  <c:v>6.5</c:v>
                </c:pt>
                <c:pt idx="797">
                  <c:v>6.1</c:v>
                </c:pt>
                <c:pt idx="798">
                  <c:v>6.4</c:v>
                </c:pt>
                <c:pt idx="799">
                  <c:v>6.5</c:v>
                </c:pt>
                <c:pt idx="800">
                  <c:v>6.7</c:v>
                </c:pt>
                <c:pt idx="801">
                  <c:v>6.3</c:v>
                </c:pt>
                <c:pt idx="802">
                  <c:v>6.6</c:v>
                </c:pt>
                <c:pt idx="803">
                  <c:v>6.3</c:v>
                </c:pt>
                <c:pt idx="804">
                  <c:v>6.6</c:v>
                </c:pt>
                <c:pt idx="805">
                  <c:v>6.3</c:v>
                </c:pt>
                <c:pt idx="806">
                  <c:v>6.4</c:v>
                </c:pt>
                <c:pt idx="807">
                  <c:v>6.4</c:v>
                </c:pt>
                <c:pt idx="808">
                  <c:v>6.4</c:v>
                </c:pt>
                <c:pt idx="809">
                  <c:v>6.3</c:v>
                </c:pt>
                <c:pt idx="810">
                  <c:v>6.2</c:v>
                </c:pt>
                <c:pt idx="811">
                  <c:v>6.5</c:v>
                </c:pt>
                <c:pt idx="812">
                  <c:v>5.9</c:v>
                </c:pt>
                <c:pt idx="813">
                  <c:v>6.4</c:v>
                </c:pt>
                <c:pt idx="814">
                  <c:v>6</c:v>
                </c:pt>
                <c:pt idx="815">
                  <c:v>6.2</c:v>
                </c:pt>
                <c:pt idx="816">
                  <c:v>6.4</c:v>
                </c:pt>
                <c:pt idx="817">
                  <c:v>6.2</c:v>
                </c:pt>
                <c:pt idx="818">
                  <c:v>6.4</c:v>
                </c:pt>
                <c:pt idx="819">
                  <c:v>6.2</c:v>
                </c:pt>
                <c:pt idx="820">
                  <c:v>6.4</c:v>
                </c:pt>
                <c:pt idx="821">
                  <c:v>6.3</c:v>
                </c:pt>
                <c:pt idx="822">
                  <c:v>6.3</c:v>
                </c:pt>
                <c:pt idx="823">
                  <c:v>5.9</c:v>
                </c:pt>
                <c:pt idx="824">
                  <c:v>6.2</c:v>
                </c:pt>
                <c:pt idx="825">
                  <c:v>6.4</c:v>
                </c:pt>
                <c:pt idx="826">
                  <c:v>6.7</c:v>
                </c:pt>
                <c:pt idx="827">
                  <c:v>6.1</c:v>
                </c:pt>
                <c:pt idx="828">
                  <c:v>6.1</c:v>
                </c:pt>
                <c:pt idx="829">
                  <c:v>6.2</c:v>
                </c:pt>
                <c:pt idx="830">
                  <c:v>6.2</c:v>
                </c:pt>
                <c:pt idx="831">
                  <c:v>5.8</c:v>
                </c:pt>
                <c:pt idx="832">
                  <c:v>6</c:v>
                </c:pt>
                <c:pt idx="833">
                  <c:v>6.4</c:v>
                </c:pt>
                <c:pt idx="834">
                  <c:v>6.4</c:v>
                </c:pt>
                <c:pt idx="835">
                  <c:v>5.9</c:v>
                </c:pt>
                <c:pt idx="836">
                  <c:v>6.3</c:v>
                </c:pt>
                <c:pt idx="837">
                  <c:v>6.4</c:v>
                </c:pt>
                <c:pt idx="838">
                  <c:v>6.3</c:v>
                </c:pt>
                <c:pt idx="839">
                  <c:v>6.4</c:v>
                </c:pt>
                <c:pt idx="840">
                  <c:v>6.5</c:v>
                </c:pt>
                <c:pt idx="841">
                  <c:v>6</c:v>
                </c:pt>
                <c:pt idx="842">
                  <c:v>6.4</c:v>
                </c:pt>
                <c:pt idx="843">
                  <c:v>6.2</c:v>
                </c:pt>
                <c:pt idx="844">
                  <c:v>6.5</c:v>
                </c:pt>
                <c:pt idx="845">
                  <c:v>6.3</c:v>
                </c:pt>
                <c:pt idx="846">
                  <c:v>6.1</c:v>
                </c:pt>
                <c:pt idx="847">
                  <c:v>6.3</c:v>
                </c:pt>
                <c:pt idx="848">
                  <c:v>6.3</c:v>
                </c:pt>
                <c:pt idx="849">
                  <c:v>6.1</c:v>
                </c:pt>
                <c:pt idx="850">
                  <c:v>6.4</c:v>
                </c:pt>
                <c:pt idx="851">
                  <c:v>6.3</c:v>
                </c:pt>
                <c:pt idx="852">
                  <c:v>6.2</c:v>
                </c:pt>
                <c:pt idx="853">
                  <c:v>6.2</c:v>
                </c:pt>
                <c:pt idx="854">
                  <c:v>6</c:v>
                </c:pt>
                <c:pt idx="855">
                  <c:v>6.2</c:v>
                </c:pt>
                <c:pt idx="856">
                  <c:v>6</c:v>
                </c:pt>
                <c:pt idx="857">
                  <c:v>6.1</c:v>
                </c:pt>
                <c:pt idx="858">
                  <c:v>6.1</c:v>
                </c:pt>
                <c:pt idx="859">
                  <c:v>6.1</c:v>
                </c:pt>
                <c:pt idx="860">
                  <c:v>6.1</c:v>
                </c:pt>
                <c:pt idx="861">
                  <c:v>5.9</c:v>
                </c:pt>
                <c:pt idx="862">
                  <c:v>6.4</c:v>
                </c:pt>
                <c:pt idx="863">
                  <c:v>5.9</c:v>
                </c:pt>
                <c:pt idx="864">
                  <c:v>6.4</c:v>
                </c:pt>
                <c:pt idx="865">
                  <c:v>6.3</c:v>
                </c:pt>
                <c:pt idx="866">
                  <c:v>6</c:v>
                </c:pt>
                <c:pt idx="867">
                  <c:v>6</c:v>
                </c:pt>
                <c:pt idx="868">
                  <c:v>6.2</c:v>
                </c:pt>
                <c:pt idx="869">
                  <c:v>6.1</c:v>
                </c:pt>
                <c:pt idx="870">
                  <c:v>6.4</c:v>
                </c:pt>
                <c:pt idx="871">
                  <c:v>6</c:v>
                </c:pt>
                <c:pt idx="872">
                  <c:v>6.4</c:v>
                </c:pt>
                <c:pt idx="873">
                  <c:v>6.2</c:v>
                </c:pt>
                <c:pt idx="874">
                  <c:v>6.2</c:v>
                </c:pt>
                <c:pt idx="875">
                  <c:v>6.3</c:v>
                </c:pt>
                <c:pt idx="876">
                  <c:v>6.3</c:v>
                </c:pt>
                <c:pt idx="877">
                  <c:v>6.4</c:v>
                </c:pt>
                <c:pt idx="878">
                  <c:v>6.2</c:v>
                </c:pt>
                <c:pt idx="879">
                  <c:v>6.1</c:v>
                </c:pt>
                <c:pt idx="880">
                  <c:v>6.1</c:v>
                </c:pt>
                <c:pt idx="881">
                  <c:v>6.2</c:v>
                </c:pt>
                <c:pt idx="882">
                  <c:v>5.9</c:v>
                </c:pt>
                <c:pt idx="883">
                  <c:v>6</c:v>
                </c:pt>
                <c:pt idx="884">
                  <c:v>6.4</c:v>
                </c:pt>
                <c:pt idx="885">
                  <c:v>6.2</c:v>
                </c:pt>
                <c:pt idx="886">
                  <c:v>6.4</c:v>
                </c:pt>
                <c:pt idx="887">
                  <c:v>6.1</c:v>
                </c:pt>
                <c:pt idx="888">
                  <c:v>6.3</c:v>
                </c:pt>
                <c:pt idx="889">
                  <c:v>5.9</c:v>
                </c:pt>
                <c:pt idx="890">
                  <c:v>6.1</c:v>
                </c:pt>
                <c:pt idx="891">
                  <c:v>6.1</c:v>
                </c:pt>
                <c:pt idx="892">
                  <c:v>6.3</c:v>
                </c:pt>
                <c:pt idx="893">
                  <c:v>6.2</c:v>
                </c:pt>
                <c:pt idx="894">
                  <c:v>6.5</c:v>
                </c:pt>
                <c:pt idx="895">
                  <c:v>6.1</c:v>
                </c:pt>
                <c:pt idx="896">
                  <c:v>6.4</c:v>
                </c:pt>
                <c:pt idx="897">
                  <c:v>6.4</c:v>
                </c:pt>
                <c:pt idx="898">
                  <c:v>6.2</c:v>
                </c:pt>
                <c:pt idx="899">
                  <c:v>5.9</c:v>
                </c:pt>
                <c:pt idx="900">
                  <c:v>6</c:v>
                </c:pt>
                <c:pt idx="901">
                  <c:v>6</c:v>
                </c:pt>
                <c:pt idx="902">
                  <c:v>5.8</c:v>
                </c:pt>
                <c:pt idx="903">
                  <c:v>6.4</c:v>
                </c:pt>
                <c:pt idx="904">
                  <c:v>6.1</c:v>
                </c:pt>
                <c:pt idx="905">
                  <c:v>6.2</c:v>
                </c:pt>
                <c:pt idx="906">
                  <c:v>6.1</c:v>
                </c:pt>
                <c:pt idx="907">
                  <c:v>5.8</c:v>
                </c:pt>
                <c:pt idx="908">
                  <c:v>5.8</c:v>
                </c:pt>
                <c:pt idx="909">
                  <c:v>5.8</c:v>
                </c:pt>
                <c:pt idx="910">
                  <c:v>6.3</c:v>
                </c:pt>
                <c:pt idx="911">
                  <c:v>6</c:v>
                </c:pt>
                <c:pt idx="912">
                  <c:v>5.9</c:v>
                </c:pt>
                <c:pt idx="913">
                  <c:v>6.1</c:v>
                </c:pt>
                <c:pt idx="914">
                  <c:v>6</c:v>
                </c:pt>
                <c:pt idx="915">
                  <c:v>6.1</c:v>
                </c:pt>
                <c:pt idx="916">
                  <c:v>6</c:v>
                </c:pt>
                <c:pt idx="917">
                  <c:v>6.1</c:v>
                </c:pt>
                <c:pt idx="918">
                  <c:v>6.5</c:v>
                </c:pt>
                <c:pt idx="919">
                  <c:v>6</c:v>
                </c:pt>
                <c:pt idx="920">
                  <c:v>6.3</c:v>
                </c:pt>
                <c:pt idx="921">
                  <c:v>6.1</c:v>
                </c:pt>
                <c:pt idx="922">
                  <c:v>6</c:v>
                </c:pt>
                <c:pt idx="923">
                  <c:v>6</c:v>
                </c:pt>
                <c:pt idx="924">
                  <c:v>6.1</c:v>
                </c:pt>
                <c:pt idx="925">
                  <c:v>6.2</c:v>
                </c:pt>
                <c:pt idx="926">
                  <c:v>6.1</c:v>
                </c:pt>
                <c:pt idx="927">
                  <c:v>6.4</c:v>
                </c:pt>
                <c:pt idx="928">
                  <c:v>6.5</c:v>
                </c:pt>
                <c:pt idx="929">
                  <c:v>6.4</c:v>
                </c:pt>
                <c:pt idx="930">
                  <c:v>6.2</c:v>
                </c:pt>
                <c:pt idx="931">
                  <c:v>6.1</c:v>
                </c:pt>
                <c:pt idx="932">
                  <c:v>6.2</c:v>
                </c:pt>
                <c:pt idx="933">
                  <c:v>6.1</c:v>
                </c:pt>
                <c:pt idx="934">
                  <c:v>6.1</c:v>
                </c:pt>
                <c:pt idx="935">
                  <c:v>5.9</c:v>
                </c:pt>
                <c:pt idx="936">
                  <c:v>6.1</c:v>
                </c:pt>
                <c:pt idx="937">
                  <c:v>6.1</c:v>
                </c:pt>
                <c:pt idx="938">
                  <c:v>6.1</c:v>
                </c:pt>
                <c:pt idx="939">
                  <c:v>5.8</c:v>
                </c:pt>
                <c:pt idx="940">
                  <c:v>5.7</c:v>
                </c:pt>
                <c:pt idx="941">
                  <c:v>6.1</c:v>
                </c:pt>
                <c:pt idx="942">
                  <c:v>5.9</c:v>
                </c:pt>
                <c:pt idx="943">
                  <c:v>6.1</c:v>
                </c:pt>
                <c:pt idx="944">
                  <c:v>6.2</c:v>
                </c:pt>
                <c:pt idx="945">
                  <c:v>5.8</c:v>
                </c:pt>
                <c:pt idx="946">
                  <c:v>6.3</c:v>
                </c:pt>
                <c:pt idx="947">
                  <c:v>5.9</c:v>
                </c:pt>
                <c:pt idx="948">
                  <c:v>6.1</c:v>
                </c:pt>
                <c:pt idx="949">
                  <c:v>5.9</c:v>
                </c:pt>
                <c:pt idx="950">
                  <c:v>6</c:v>
                </c:pt>
                <c:pt idx="951">
                  <c:v>6.3</c:v>
                </c:pt>
                <c:pt idx="952">
                  <c:v>5.9</c:v>
                </c:pt>
                <c:pt idx="953">
                  <c:v>6.4</c:v>
                </c:pt>
                <c:pt idx="954">
                  <c:v>6.3</c:v>
                </c:pt>
                <c:pt idx="955">
                  <c:v>6.3</c:v>
                </c:pt>
                <c:pt idx="956">
                  <c:v>6.2</c:v>
                </c:pt>
                <c:pt idx="957">
                  <c:v>6</c:v>
                </c:pt>
                <c:pt idx="958">
                  <c:v>6.1</c:v>
                </c:pt>
                <c:pt idx="959">
                  <c:v>6</c:v>
                </c:pt>
                <c:pt idx="960">
                  <c:v>6.1</c:v>
                </c:pt>
                <c:pt idx="961">
                  <c:v>5.7</c:v>
                </c:pt>
                <c:pt idx="962">
                  <c:v>6.3</c:v>
                </c:pt>
                <c:pt idx="963">
                  <c:v>6</c:v>
                </c:pt>
                <c:pt idx="964">
                  <c:v>6.1</c:v>
                </c:pt>
                <c:pt idx="965">
                  <c:v>6.5</c:v>
                </c:pt>
                <c:pt idx="966">
                  <c:v>6.4</c:v>
                </c:pt>
                <c:pt idx="967">
                  <c:v>6.2</c:v>
                </c:pt>
                <c:pt idx="968">
                  <c:v>6.5</c:v>
                </c:pt>
                <c:pt idx="969">
                  <c:v>6.4</c:v>
                </c:pt>
                <c:pt idx="970">
                  <c:v>6.1</c:v>
                </c:pt>
                <c:pt idx="971">
                  <c:v>6.3</c:v>
                </c:pt>
                <c:pt idx="972">
                  <c:v>6.3</c:v>
                </c:pt>
                <c:pt idx="973">
                  <c:v>6.2</c:v>
                </c:pt>
                <c:pt idx="974">
                  <c:v>6.3</c:v>
                </c:pt>
                <c:pt idx="975">
                  <c:v>6.2</c:v>
                </c:pt>
                <c:pt idx="976">
                  <c:v>6.3</c:v>
                </c:pt>
                <c:pt idx="977">
                  <c:v>6.4</c:v>
                </c:pt>
                <c:pt idx="978">
                  <c:v>6.5</c:v>
                </c:pt>
                <c:pt idx="979">
                  <c:v>6</c:v>
                </c:pt>
                <c:pt idx="980">
                  <c:v>5.9</c:v>
                </c:pt>
                <c:pt idx="981">
                  <c:v>6.4</c:v>
                </c:pt>
                <c:pt idx="982">
                  <c:v>6.1</c:v>
                </c:pt>
                <c:pt idx="983">
                  <c:v>6</c:v>
                </c:pt>
                <c:pt idx="984">
                  <c:v>6.2</c:v>
                </c:pt>
                <c:pt idx="985">
                  <c:v>6.3</c:v>
                </c:pt>
                <c:pt idx="986">
                  <c:v>6</c:v>
                </c:pt>
                <c:pt idx="987">
                  <c:v>6</c:v>
                </c:pt>
                <c:pt idx="988">
                  <c:v>6.1</c:v>
                </c:pt>
                <c:pt idx="989">
                  <c:v>6.1</c:v>
                </c:pt>
                <c:pt idx="990">
                  <c:v>6.3</c:v>
                </c:pt>
                <c:pt idx="991">
                  <c:v>6</c:v>
                </c:pt>
                <c:pt idx="992">
                  <c:v>6.1</c:v>
                </c:pt>
                <c:pt idx="993">
                  <c:v>6.1</c:v>
                </c:pt>
                <c:pt idx="994">
                  <c:v>6.1</c:v>
                </c:pt>
                <c:pt idx="995">
                  <c:v>6.1</c:v>
                </c:pt>
                <c:pt idx="996">
                  <c:v>6.1</c:v>
                </c:pt>
                <c:pt idx="997">
                  <c:v>5.9</c:v>
                </c:pt>
                <c:pt idx="998">
                  <c:v>6.1</c:v>
                </c:pt>
                <c:pt idx="999">
                  <c:v>5.8</c:v>
                </c:pt>
                <c:pt idx="1000">
                  <c:v>5.5</c:v>
                </c:pt>
                <c:pt idx="1001">
                  <c:v>5.8</c:v>
                </c:pt>
                <c:pt idx="1002">
                  <c:v>6.1</c:v>
                </c:pt>
                <c:pt idx="1003">
                  <c:v>5.8</c:v>
                </c:pt>
                <c:pt idx="1004">
                  <c:v>5.9</c:v>
                </c:pt>
                <c:pt idx="1005">
                  <c:v>5.9</c:v>
                </c:pt>
                <c:pt idx="1006">
                  <c:v>6</c:v>
                </c:pt>
                <c:pt idx="1007">
                  <c:v>5.9</c:v>
                </c:pt>
                <c:pt idx="1008">
                  <c:v>6.2</c:v>
                </c:pt>
                <c:pt idx="1009">
                  <c:v>6</c:v>
                </c:pt>
                <c:pt idx="1010">
                  <c:v>6</c:v>
                </c:pt>
                <c:pt idx="1011">
                  <c:v>5.9</c:v>
                </c:pt>
                <c:pt idx="1012">
                  <c:v>5.9</c:v>
                </c:pt>
                <c:pt idx="1013">
                  <c:v>5.8</c:v>
                </c:pt>
                <c:pt idx="1014">
                  <c:v>6.1</c:v>
                </c:pt>
                <c:pt idx="1015">
                  <c:v>6</c:v>
                </c:pt>
                <c:pt idx="1016">
                  <c:v>6</c:v>
                </c:pt>
                <c:pt idx="1017">
                  <c:v>5.9</c:v>
                </c:pt>
                <c:pt idx="1018">
                  <c:v>5.9</c:v>
                </c:pt>
                <c:pt idx="1019">
                  <c:v>6.1</c:v>
                </c:pt>
                <c:pt idx="1020">
                  <c:v>6.1</c:v>
                </c:pt>
                <c:pt idx="1021">
                  <c:v>5.9</c:v>
                </c:pt>
                <c:pt idx="1022">
                  <c:v>6</c:v>
                </c:pt>
                <c:pt idx="1023">
                  <c:v>6.2</c:v>
                </c:pt>
                <c:pt idx="1024">
                  <c:v>6.2</c:v>
                </c:pt>
                <c:pt idx="1025">
                  <c:v>6</c:v>
                </c:pt>
                <c:pt idx="1026">
                  <c:v>6.3</c:v>
                </c:pt>
                <c:pt idx="1027">
                  <c:v>6.1</c:v>
                </c:pt>
                <c:pt idx="1028">
                  <c:v>6</c:v>
                </c:pt>
                <c:pt idx="1029">
                  <c:v>6</c:v>
                </c:pt>
                <c:pt idx="1030">
                  <c:v>6.1</c:v>
                </c:pt>
                <c:pt idx="1031">
                  <c:v>6.1</c:v>
                </c:pt>
                <c:pt idx="1032">
                  <c:v>6.4</c:v>
                </c:pt>
                <c:pt idx="1033">
                  <c:v>6.2</c:v>
                </c:pt>
                <c:pt idx="1034">
                  <c:v>6.5</c:v>
                </c:pt>
                <c:pt idx="1035">
                  <c:v>6.1</c:v>
                </c:pt>
                <c:pt idx="1036">
                  <c:v>6.3</c:v>
                </c:pt>
                <c:pt idx="1037">
                  <c:v>6.2</c:v>
                </c:pt>
                <c:pt idx="1038">
                  <c:v>6.4</c:v>
                </c:pt>
                <c:pt idx="1039">
                  <c:v>6.3</c:v>
                </c:pt>
                <c:pt idx="1040">
                  <c:v>6.3</c:v>
                </c:pt>
                <c:pt idx="1041">
                  <c:v>6.4</c:v>
                </c:pt>
                <c:pt idx="1042">
                  <c:v>6.7</c:v>
                </c:pt>
                <c:pt idx="1043">
                  <c:v>6.5</c:v>
                </c:pt>
                <c:pt idx="1044">
                  <c:v>6.2</c:v>
                </c:pt>
                <c:pt idx="1045">
                  <c:v>6.3</c:v>
                </c:pt>
                <c:pt idx="1046">
                  <c:v>6.4</c:v>
                </c:pt>
                <c:pt idx="1047">
                  <c:v>6.6</c:v>
                </c:pt>
                <c:pt idx="1048">
                  <c:v>6.4</c:v>
                </c:pt>
                <c:pt idx="1049">
                  <c:v>6.5</c:v>
                </c:pt>
                <c:pt idx="1050">
                  <c:v>6.4</c:v>
                </c:pt>
                <c:pt idx="1051">
                  <c:v>6.6</c:v>
                </c:pt>
                <c:pt idx="1052">
                  <c:v>6.6</c:v>
                </c:pt>
                <c:pt idx="1053">
                  <c:v>6.8</c:v>
                </c:pt>
                <c:pt idx="1054">
                  <c:v>6.6</c:v>
                </c:pt>
                <c:pt idx="1055">
                  <c:v>6.6</c:v>
                </c:pt>
                <c:pt idx="1056">
                  <c:v>6.6</c:v>
                </c:pt>
                <c:pt idx="1057">
                  <c:v>6.8</c:v>
                </c:pt>
                <c:pt idx="1058">
                  <c:v>6.9</c:v>
                </c:pt>
                <c:pt idx="1059">
                  <c:v>6.7</c:v>
                </c:pt>
                <c:pt idx="1060">
                  <c:v>6.4</c:v>
                </c:pt>
                <c:pt idx="1061">
                  <c:v>6.6</c:v>
                </c:pt>
                <c:pt idx="1062">
                  <c:v>6.8</c:v>
                </c:pt>
                <c:pt idx="1063">
                  <c:v>6.5</c:v>
                </c:pt>
                <c:pt idx="1064">
                  <c:v>6.5</c:v>
                </c:pt>
                <c:pt idx="1065">
                  <c:v>6.7</c:v>
                </c:pt>
                <c:pt idx="1066">
                  <c:v>6.6</c:v>
                </c:pt>
                <c:pt idx="1067">
                  <c:v>6.5</c:v>
                </c:pt>
                <c:pt idx="1068">
                  <c:v>6.7</c:v>
                </c:pt>
                <c:pt idx="1069">
                  <c:v>6.5</c:v>
                </c:pt>
                <c:pt idx="1070">
                  <c:v>6.9</c:v>
                </c:pt>
                <c:pt idx="1071">
                  <c:v>6.8</c:v>
                </c:pt>
                <c:pt idx="1072">
                  <c:v>6.5</c:v>
                </c:pt>
                <c:pt idx="1073">
                  <c:v>6.9</c:v>
                </c:pt>
                <c:pt idx="1074">
                  <c:v>7</c:v>
                </c:pt>
                <c:pt idx="1075">
                  <c:v>6.7</c:v>
                </c:pt>
                <c:pt idx="1076">
                  <c:v>6.5</c:v>
                </c:pt>
                <c:pt idx="1077">
                  <c:v>6.9</c:v>
                </c:pt>
                <c:pt idx="1078">
                  <c:v>6.5</c:v>
                </c:pt>
                <c:pt idx="1079">
                  <c:v>6.7</c:v>
                </c:pt>
                <c:pt idx="1080">
                  <c:v>6.4</c:v>
                </c:pt>
                <c:pt idx="1081">
                  <c:v>6.8</c:v>
                </c:pt>
                <c:pt idx="1082">
                  <c:v>6.6</c:v>
                </c:pt>
                <c:pt idx="1083">
                  <c:v>6.6</c:v>
                </c:pt>
                <c:pt idx="1084">
                  <c:v>6.8</c:v>
                </c:pt>
                <c:pt idx="1085">
                  <c:v>6.6</c:v>
                </c:pt>
                <c:pt idx="1086">
                  <c:v>6.8</c:v>
                </c:pt>
                <c:pt idx="1087">
                  <c:v>6.6</c:v>
                </c:pt>
                <c:pt idx="1088">
                  <c:v>6.6</c:v>
                </c:pt>
                <c:pt idx="1089">
                  <c:v>6.5</c:v>
                </c:pt>
                <c:pt idx="1090">
                  <c:v>6.8</c:v>
                </c:pt>
                <c:pt idx="1091">
                  <c:v>6.7</c:v>
                </c:pt>
                <c:pt idx="1092">
                  <c:v>6.4</c:v>
                </c:pt>
                <c:pt idx="1093">
                  <c:v>6.8</c:v>
                </c:pt>
                <c:pt idx="1094">
                  <c:v>6.6</c:v>
                </c:pt>
                <c:pt idx="1095">
                  <c:v>7</c:v>
                </c:pt>
                <c:pt idx="1096">
                  <c:v>6.9</c:v>
                </c:pt>
                <c:pt idx="1097">
                  <c:v>6.7</c:v>
                </c:pt>
                <c:pt idx="1098">
                  <c:v>6.5</c:v>
                </c:pt>
                <c:pt idx="1099">
                  <c:v>6.8</c:v>
                </c:pt>
                <c:pt idx="1100">
                  <c:v>6.7</c:v>
                </c:pt>
                <c:pt idx="1101">
                  <c:v>6.6</c:v>
                </c:pt>
                <c:pt idx="1102">
                  <c:v>6.5</c:v>
                </c:pt>
                <c:pt idx="1103">
                  <c:v>6.6</c:v>
                </c:pt>
                <c:pt idx="1104">
                  <c:v>6.6</c:v>
                </c:pt>
                <c:pt idx="1105">
                  <c:v>6.7</c:v>
                </c:pt>
                <c:pt idx="1106">
                  <c:v>6.8</c:v>
                </c:pt>
                <c:pt idx="1107">
                  <c:v>6.8</c:v>
                </c:pt>
                <c:pt idx="1108">
                  <c:v>6.6</c:v>
                </c:pt>
                <c:pt idx="1109">
                  <c:v>6.6</c:v>
                </c:pt>
                <c:pt idx="1110">
                  <c:v>6.5</c:v>
                </c:pt>
                <c:pt idx="1111">
                  <c:v>6.8</c:v>
                </c:pt>
                <c:pt idx="1112">
                  <c:v>6.6</c:v>
                </c:pt>
                <c:pt idx="1113">
                  <c:v>6.8</c:v>
                </c:pt>
                <c:pt idx="1114">
                  <c:v>6.6</c:v>
                </c:pt>
                <c:pt idx="1115">
                  <c:v>6.5</c:v>
                </c:pt>
                <c:pt idx="1116">
                  <c:v>6.3</c:v>
                </c:pt>
                <c:pt idx="1117">
                  <c:v>6.7</c:v>
                </c:pt>
                <c:pt idx="1118">
                  <c:v>6.7</c:v>
                </c:pt>
                <c:pt idx="1119">
                  <c:v>6.5</c:v>
                </c:pt>
                <c:pt idx="1120">
                  <c:v>6.4</c:v>
                </c:pt>
                <c:pt idx="1121">
                  <c:v>6.7</c:v>
                </c:pt>
                <c:pt idx="1122">
                  <c:v>6.1</c:v>
                </c:pt>
                <c:pt idx="1123">
                  <c:v>6.5</c:v>
                </c:pt>
                <c:pt idx="1124">
                  <c:v>6.5</c:v>
                </c:pt>
                <c:pt idx="1125">
                  <c:v>6.5</c:v>
                </c:pt>
                <c:pt idx="1126">
                  <c:v>6.6</c:v>
                </c:pt>
                <c:pt idx="1127">
                  <c:v>6.3</c:v>
                </c:pt>
                <c:pt idx="1128">
                  <c:v>6.5</c:v>
                </c:pt>
                <c:pt idx="1129">
                  <c:v>5.9</c:v>
                </c:pt>
                <c:pt idx="1130">
                  <c:v>6.5</c:v>
                </c:pt>
                <c:pt idx="1131">
                  <c:v>6.2</c:v>
                </c:pt>
                <c:pt idx="1132">
                  <c:v>6.1</c:v>
                </c:pt>
                <c:pt idx="1133">
                  <c:v>6.3</c:v>
                </c:pt>
                <c:pt idx="1134">
                  <c:v>6.3</c:v>
                </c:pt>
                <c:pt idx="1135">
                  <c:v>6.4</c:v>
                </c:pt>
                <c:pt idx="1136">
                  <c:v>6.2</c:v>
                </c:pt>
                <c:pt idx="1137">
                  <c:v>6.4</c:v>
                </c:pt>
                <c:pt idx="1138">
                  <c:v>6.3</c:v>
                </c:pt>
                <c:pt idx="1139">
                  <c:v>6.4</c:v>
                </c:pt>
                <c:pt idx="1140">
                  <c:v>6.5</c:v>
                </c:pt>
                <c:pt idx="1141">
                  <c:v>6.3</c:v>
                </c:pt>
                <c:pt idx="1142">
                  <c:v>6.5</c:v>
                </c:pt>
                <c:pt idx="1143">
                  <c:v>6.4</c:v>
                </c:pt>
                <c:pt idx="1144">
                  <c:v>6.4</c:v>
                </c:pt>
                <c:pt idx="1145">
                  <c:v>6.1</c:v>
                </c:pt>
                <c:pt idx="1146">
                  <c:v>6.7</c:v>
                </c:pt>
                <c:pt idx="1147">
                  <c:v>6.3</c:v>
                </c:pt>
                <c:pt idx="1148">
                  <c:v>6.5</c:v>
                </c:pt>
                <c:pt idx="1149">
                  <c:v>6.1</c:v>
                </c:pt>
                <c:pt idx="1150">
                  <c:v>6.5</c:v>
                </c:pt>
                <c:pt idx="1151">
                  <c:v>6.2</c:v>
                </c:pt>
                <c:pt idx="1152">
                  <c:v>6.5</c:v>
                </c:pt>
                <c:pt idx="1153">
                  <c:v>6.6</c:v>
                </c:pt>
                <c:pt idx="1154">
                  <c:v>6.2</c:v>
                </c:pt>
                <c:pt idx="1155">
                  <c:v>6.3</c:v>
                </c:pt>
                <c:pt idx="1156">
                  <c:v>6.7</c:v>
                </c:pt>
                <c:pt idx="1157">
                  <c:v>6.5</c:v>
                </c:pt>
                <c:pt idx="1158">
                  <c:v>6.3</c:v>
                </c:pt>
                <c:pt idx="1159">
                  <c:v>6.4</c:v>
                </c:pt>
                <c:pt idx="1160">
                  <c:v>6.4</c:v>
                </c:pt>
                <c:pt idx="1161">
                  <c:v>6.4</c:v>
                </c:pt>
                <c:pt idx="1162">
                  <c:v>6</c:v>
                </c:pt>
                <c:pt idx="1163">
                  <c:v>6.1</c:v>
                </c:pt>
                <c:pt idx="1164">
                  <c:v>6.5</c:v>
                </c:pt>
                <c:pt idx="1165">
                  <c:v>6.3</c:v>
                </c:pt>
                <c:pt idx="1166">
                  <c:v>6.3</c:v>
                </c:pt>
                <c:pt idx="1167">
                  <c:v>6.4</c:v>
                </c:pt>
                <c:pt idx="1168">
                  <c:v>6.3</c:v>
                </c:pt>
                <c:pt idx="1169">
                  <c:v>6.2</c:v>
                </c:pt>
                <c:pt idx="1170">
                  <c:v>6.3</c:v>
                </c:pt>
                <c:pt idx="1171">
                  <c:v>6.3</c:v>
                </c:pt>
                <c:pt idx="1172">
                  <c:v>6.2</c:v>
                </c:pt>
                <c:pt idx="1173">
                  <c:v>6.4</c:v>
                </c:pt>
                <c:pt idx="1174">
                  <c:v>5.8</c:v>
                </c:pt>
                <c:pt idx="1175">
                  <c:v>6.3</c:v>
                </c:pt>
                <c:pt idx="1176">
                  <c:v>6.1</c:v>
                </c:pt>
                <c:pt idx="1177">
                  <c:v>6</c:v>
                </c:pt>
                <c:pt idx="1178">
                  <c:v>6.2</c:v>
                </c:pt>
                <c:pt idx="1179">
                  <c:v>6.3</c:v>
                </c:pt>
                <c:pt idx="1180">
                  <c:v>6.3</c:v>
                </c:pt>
                <c:pt idx="1181">
                  <c:v>6.1</c:v>
                </c:pt>
                <c:pt idx="1182">
                  <c:v>6.2</c:v>
                </c:pt>
                <c:pt idx="1183">
                  <c:v>6.2</c:v>
                </c:pt>
                <c:pt idx="1184">
                  <c:v>6.3</c:v>
                </c:pt>
                <c:pt idx="1185">
                  <c:v>6.4</c:v>
                </c:pt>
                <c:pt idx="1186">
                  <c:v>6</c:v>
                </c:pt>
                <c:pt idx="1187">
                  <c:v>6.2</c:v>
                </c:pt>
                <c:pt idx="1188">
                  <c:v>6.2</c:v>
                </c:pt>
                <c:pt idx="1189">
                  <c:v>5.9</c:v>
                </c:pt>
                <c:pt idx="1190">
                  <c:v>6</c:v>
                </c:pt>
                <c:pt idx="1191">
                  <c:v>5.9</c:v>
                </c:pt>
                <c:pt idx="1192">
                  <c:v>5.8</c:v>
                </c:pt>
                <c:pt idx="1193">
                  <c:v>5.8</c:v>
                </c:pt>
                <c:pt idx="1194">
                  <c:v>5.8</c:v>
                </c:pt>
                <c:pt idx="1195">
                  <c:v>5.8</c:v>
                </c:pt>
                <c:pt idx="1196">
                  <c:v>5.8</c:v>
                </c:pt>
                <c:pt idx="1197">
                  <c:v>5.5</c:v>
                </c:pt>
                <c:pt idx="1198">
                  <c:v>5.5</c:v>
                </c:pt>
                <c:pt idx="1199">
                  <c:v>5.8</c:v>
                </c:pt>
                <c:pt idx="1200">
                  <c:v>5.7</c:v>
                </c:pt>
                <c:pt idx="1201">
                  <c:v>5.7</c:v>
                </c:pt>
                <c:pt idx="1202">
                  <c:v>5.7</c:v>
                </c:pt>
                <c:pt idx="1203">
                  <c:v>5.7</c:v>
                </c:pt>
                <c:pt idx="1204">
                  <c:v>5.7</c:v>
                </c:pt>
                <c:pt idx="1205">
                  <c:v>5.3</c:v>
                </c:pt>
                <c:pt idx="1206">
                  <c:v>5.8</c:v>
                </c:pt>
                <c:pt idx="1207">
                  <c:v>5.5</c:v>
                </c:pt>
                <c:pt idx="1208">
                  <c:v>5.3</c:v>
                </c:pt>
                <c:pt idx="1209">
                  <c:v>5.7</c:v>
                </c:pt>
                <c:pt idx="1210">
                  <c:v>5.5</c:v>
                </c:pt>
                <c:pt idx="1211">
                  <c:v>5.5</c:v>
                </c:pt>
                <c:pt idx="1212">
                  <c:v>5.3</c:v>
                </c:pt>
                <c:pt idx="1213">
                  <c:v>5.3</c:v>
                </c:pt>
                <c:pt idx="1214">
                  <c:v>5.3</c:v>
                </c:pt>
                <c:pt idx="1215">
                  <c:v>5.7</c:v>
                </c:pt>
                <c:pt idx="1216">
                  <c:v>5.3</c:v>
                </c:pt>
                <c:pt idx="1217">
                  <c:v>5.2</c:v>
                </c:pt>
                <c:pt idx="1218">
                  <c:v>5.4</c:v>
                </c:pt>
                <c:pt idx="1219">
                  <c:v>5.5</c:v>
                </c:pt>
                <c:pt idx="1220">
                  <c:v>5</c:v>
                </c:pt>
                <c:pt idx="1221">
                  <c:v>5.0999999999999996</c:v>
                </c:pt>
                <c:pt idx="1222">
                  <c:v>5.4</c:v>
                </c:pt>
                <c:pt idx="1223">
                  <c:v>5.4</c:v>
                </c:pt>
                <c:pt idx="1224">
                  <c:v>5.3</c:v>
                </c:pt>
                <c:pt idx="1225">
                  <c:v>5.0999999999999996</c:v>
                </c:pt>
                <c:pt idx="1226">
                  <c:v>5.2</c:v>
                </c:pt>
                <c:pt idx="1227">
                  <c:v>5.2</c:v>
                </c:pt>
                <c:pt idx="1228">
                  <c:v>5</c:v>
                </c:pt>
                <c:pt idx="1229">
                  <c:v>4.9000000000000004</c:v>
                </c:pt>
                <c:pt idx="1230">
                  <c:v>5.2</c:v>
                </c:pt>
                <c:pt idx="1231">
                  <c:v>4.8</c:v>
                </c:pt>
                <c:pt idx="1232">
                  <c:v>5</c:v>
                </c:pt>
                <c:pt idx="1233">
                  <c:v>4.7</c:v>
                </c:pt>
                <c:pt idx="1234">
                  <c:v>5</c:v>
                </c:pt>
                <c:pt idx="1235">
                  <c:v>5.0999999999999996</c:v>
                </c:pt>
                <c:pt idx="1236">
                  <c:v>5</c:v>
                </c:pt>
                <c:pt idx="1237">
                  <c:v>5.0999999999999996</c:v>
                </c:pt>
                <c:pt idx="1238">
                  <c:v>4.9000000000000004</c:v>
                </c:pt>
                <c:pt idx="1239">
                  <c:v>5</c:v>
                </c:pt>
                <c:pt idx="1240">
                  <c:v>5</c:v>
                </c:pt>
                <c:pt idx="1241">
                  <c:v>4.8</c:v>
                </c:pt>
                <c:pt idx="1242">
                  <c:v>5.2</c:v>
                </c:pt>
                <c:pt idx="1243">
                  <c:v>5</c:v>
                </c:pt>
                <c:pt idx="1244">
                  <c:v>5</c:v>
                </c:pt>
                <c:pt idx="1245">
                  <c:v>5</c:v>
                </c:pt>
                <c:pt idx="1246">
                  <c:v>4.8</c:v>
                </c:pt>
                <c:pt idx="1247">
                  <c:v>4.5999999999999996</c:v>
                </c:pt>
                <c:pt idx="1248">
                  <c:v>5.2</c:v>
                </c:pt>
                <c:pt idx="1249">
                  <c:v>4.9000000000000004</c:v>
                </c:pt>
                <c:pt idx="1250">
                  <c:v>4.8</c:v>
                </c:pt>
                <c:pt idx="1251">
                  <c:v>5</c:v>
                </c:pt>
                <c:pt idx="1252">
                  <c:v>5.3</c:v>
                </c:pt>
                <c:pt idx="1253">
                  <c:v>4.9000000000000004</c:v>
                </c:pt>
                <c:pt idx="1254">
                  <c:v>4.9000000000000004</c:v>
                </c:pt>
                <c:pt idx="1255">
                  <c:v>4.7</c:v>
                </c:pt>
                <c:pt idx="1256">
                  <c:v>5.2</c:v>
                </c:pt>
                <c:pt idx="1257">
                  <c:v>5</c:v>
                </c:pt>
                <c:pt idx="1258">
                  <c:v>4.9000000000000004</c:v>
                </c:pt>
                <c:pt idx="1259">
                  <c:v>5.0999999999999996</c:v>
                </c:pt>
                <c:pt idx="1260">
                  <c:v>5.2</c:v>
                </c:pt>
                <c:pt idx="1261">
                  <c:v>5.0999999999999996</c:v>
                </c:pt>
                <c:pt idx="1262">
                  <c:v>5</c:v>
                </c:pt>
                <c:pt idx="1263">
                  <c:v>4.9000000000000004</c:v>
                </c:pt>
                <c:pt idx="1264">
                  <c:v>4.8</c:v>
                </c:pt>
                <c:pt idx="1265">
                  <c:v>5</c:v>
                </c:pt>
                <c:pt idx="1266">
                  <c:v>5.0999999999999996</c:v>
                </c:pt>
                <c:pt idx="1267">
                  <c:v>5.3</c:v>
                </c:pt>
                <c:pt idx="1268">
                  <c:v>5</c:v>
                </c:pt>
                <c:pt idx="1269">
                  <c:v>5.2</c:v>
                </c:pt>
                <c:pt idx="1270">
                  <c:v>5.0999999999999996</c:v>
                </c:pt>
                <c:pt idx="1271">
                  <c:v>5.0999999999999996</c:v>
                </c:pt>
                <c:pt idx="1272">
                  <c:v>5</c:v>
                </c:pt>
                <c:pt idx="1273">
                  <c:v>5.2</c:v>
                </c:pt>
                <c:pt idx="1274">
                  <c:v>4.9000000000000004</c:v>
                </c:pt>
                <c:pt idx="1275">
                  <c:v>5.3</c:v>
                </c:pt>
                <c:pt idx="1276">
                  <c:v>5</c:v>
                </c:pt>
                <c:pt idx="1277">
                  <c:v>5.3</c:v>
                </c:pt>
                <c:pt idx="1278">
                  <c:v>5.0999999999999996</c:v>
                </c:pt>
                <c:pt idx="1279">
                  <c:v>5.2</c:v>
                </c:pt>
                <c:pt idx="1280">
                  <c:v>5.2</c:v>
                </c:pt>
                <c:pt idx="1281">
                  <c:v>5.0999999999999996</c:v>
                </c:pt>
                <c:pt idx="1282">
                  <c:v>5.2</c:v>
                </c:pt>
                <c:pt idx="1283">
                  <c:v>5.2</c:v>
                </c:pt>
                <c:pt idx="1284">
                  <c:v>5.3</c:v>
                </c:pt>
                <c:pt idx="1285">
                  <c:v>5.3</c:v>
                </c:pt>
                <c:pt idx="1286">
                  <c:v>5.0999999999999996</c:v>
                </c:pt>
                <c:pt idx="1287">
                  <c:v>5.3</c:v>
                </c:pt>
                <c:pt idx="1288">
                  <c:v>5.5</c:v>
                </c:pt>
                <c:pt idx="1289">
                  <c:v>5</c:v>
                </c:pt>
                <c:pt idx="1290">
                  <c:v>5</c:v>
                </c:pt>
                <c:pt idx="1291">
                  <c:v>4.9000000000000004</c:v>
                </c:pt>
                <c:pt idx="1292">
                  <c:v>5.5</c:v>
                </c:pt>
                <c:pt idx="1293">
                  <c:v>5.0999999999999996</c:v>
                </c:pt>
                <c:pt idx="1294">
                  <c:v>5.0999999999999996</c:v>
                </c:pt>
                <c:pt idx="1295">
                  <c:v>5</c:v>
                </c:pt>
                <c:pt idx="1296">
                  <c:v>4.9000000000000004</c:v>
                </c:pt>
                <c:pt idx="1297">
                  <c:v>5</c:v>
                </c:pt>
                <c:pt idx="1298">
                  <c:v>5.0999999999999996</c:v>
                </c:pt>
                <c:pt idx="1299">
                  <c:v>5.3</c:v>
                </c:pt>
                <c:pt idx="1300">
                  <c:v>5.0999999999999996</c:v>
                </c:pt>
                <c:pt idx="1301">
                  <c:v>5.2</c:v>
                </c:pt>
                <c:pt idx="1302">
                  <c:v>5.3</c:v>
                </c:pt>
                <c:pt idx="1303">
                  <c:v>5.0999999999999996</c:v>
                </c:pt>
                <c:pt idx="1304">
                  <c:v>5.3</c:v>
                </c:pt>
                <c:pt idx="1305">
                  <c:v>5.4</c:v>
                </c:pt>
                <c:pt idx="1306">
                  <c:v>5.2</c:v>
                </c:pt>
                <c:pt idx="1307">
                  <c:v>5.0999999999999996</c:v>
                </c:pt>
                <c:pt idx="1308">
                  <c:v>5.2</c:v>
                </c:pt>
                <c:pt idx="1309">
                  <c:v>5.4</c:v>
                </c:pt>
                <c:pt idx="1310">
                  <c:v>5.0999999999999996</c:v>
                </c:pt>
                <c:pt idx="1311">
                  <c:v>5.2</c:v>
                </c:pt>
                <c:pt idx="1312">
                  <c:v>5.0999999999999996</c:v>
                </c:pt>
                <c:pt idx="1313">
                  <c:v>5.2</c:v>
                </c:pt>
                <c:pt idx="1314">
                  <c:v>5.3</c:v>
                </c:pt>
                <c:pt idx="1315">
                  <c:v>5.2</c:v>
                </c:pt>
                <c:pt idx="1316">
                  <c:v>5.2</c:v>
                </c:pt>
                <c:pt idx="1317">
                  <c:v>5.2</c:v>
                </c:pt>
                <c:pt idx="1318">
                  <c:v>5.7</c:v>
                </c:pt>
                <c:pt idx="1319">
                  <c:v>5.7</c:v>
                </c:pt>
                <c:pt idx="1320">
                  <c:v>5.3</c:v>
                </c:pt>
                <c:pt idx="1321">
                  <c:v>5.3</c:v>
                </c:pt>
                <c:pt idx="1322">
                  <c:v>5.2</c:v>
                </c:pt>
                <c:pt idx="1323">
                  <c:v>5.2</c:v>
                </c:pt>
                <c:pt idx="1324">
                  <c:v>5.5</c:v>
                </c:pt>
                <c:pt idx="1325">
                  <c:v>5.5</c:v>
                </c:pt>
                <c:pt idx="1326">
                  <c:v>5.3</c:v>
                </c:pt>
                <c:pt idx="1327">
                  <c:v>5.4</c:v>
                </c:pt>
                <c:pt idx="1328">
                  <c:v>5.3</c:v>
                </c:pt>
                <c:pt idx="1329">
                  <c:v>5.5</c:v>
                </c:pt>
                <c:pt idx="1330">
                  <c:v>5.4</c:v>
                </c:pt>
                <c:pt idx="1331">
                  <c:v>5.4</c:v>
                </c:pt>
                <c:pt idx="1332">
                  <c:v>5.9</c:v>
                </c:pt>
                <c:pt idx="1333">
                  <c:v>5.7</c:v>
                </c:pt>
                <c:pt idx="1334">
                  <c:v>5.9</c:v>
                </c:pt>
                <c:pt idx="1335">
                  <c:v>5.8</c:v>
                </c:pt>
                <c:pt idx="1336">
                  <c:v>5.4</c:v>
                </c:pt>
                <c:pt idx="1337">
                  <c:v>5.4</c:v>
                </c:pt>
                <c:pt idx="1338">
                  <c:v>5.5</c:v>
                </c:pt>
                <c:pt idx="1339">
                  <c:v>5.4</c:v>
                </c:pt>
                <c:pt idx="1340">
                  <c:v>5.2</c:v>
                </c:pt>
                <c:pt idx="1341">
                  <c:v>5.8</c:v>
                </c:pt>
                <c:pt idx="1342">
                  <c:v>5.7</c:v>
                </c:pt>
                <c:pt idx="1343">
                  <c:v>5.5</c:v>
                </c:pt>
                <c:pt idx="1344">
                  <c:v>5.8</c:v>
                </c:pt>
                <c:pt idx="1345">
                  <c:v>5.4</c:v>
                </c:pt>
                <c:pt idx="1346">
                  <c:v>5.5</c:v>
                </c:pt>
                <c:pt idx="1347">
                  <c:v>5.7</c:v>
                </c:pt>
                <c:pt idx="1348">
                  <c:v>5.9</c:v>
                </c:pt>
                <c:pt idx="1349">
                  <c:v>5.8</c:v>
                </c:pt>
                <c:pt idx="1350">
                  <c:v>5.2</c:v>
                </c:pt>
                <c:pt idx="1351">
                  <c:v>5.3</c:v>
                </c:pt>
                <c:pt idx="1352">
                  <c:v>5.2</c:v>
                </c:pt>
                <c:pt idx="1353">
                  <c:v>5.5</c:v>
                </c:pt>
                <c:pt idx="1354">
                  <c:v>5.7</c:v>
                </c:pt>
                <c:pt idx="1355">
                  <c:v>5.8</c:v>
                </c:pt>
                <c:pt idx="1356">
                  <c:v>5.3</c:v>
                </c:pt>
                <c:pt idx="1357">
                  <c:v>5.3</c:v>
                </c:pt>
                <c:pt idx="1358">
                  <c:v>5.5</c:v>
                </c:pt>
                <c:pt idx="1359">
                  <c:v>5.2</c:v>
                </c:pt>
                <c:pt idx="1360">
                  <c:v>5.4</c:v>
                </c:pt>
                <c:pt idx="1361">
                  <c:v>5.5</c:v>
                </c:pt>
                <c:pt idx="1362">
                  <c:v>5.5</c:v>
                </c:pt>
                <c:pt idx="1363">
                  <c:v>5.0999999999999996</c:v>
                </c:pt>
                <c:pt idx="1364">
                  <c:v>5.4</c:v>
                </c:pt>
                <c:pt idx="1365">
                  <c:v>5.9</c:v>
                </c:pt>
                <c:pt idx="1366">
                  <c:v>5.4</c:v>
                </c:pt>
                <c:pt idx="1367">
                  <c:v>5.2</c:v>
                </c:pt>
                <c:pt idx="1368">
                  <c:v>5.4</c:v>
                </c:pt>
                <c:pt idx="1369">
                  <c:v>5.3</c:v>
                </c:pt>
                <c:pt idx="1370">
                  <c:v>5.2</c:v>
                </c:pt>
                <c:pt idx="1371">
                  <c:v>5.8</c:v>
                </c:pt>
                <c:pt idx="1372">
                  <c:v>5.7</c:v>
                </c:pt>
                <c:pt idx="1373">
                  <c:v>5.7</c:v>
                </c:pt>
                <c:pt idx="1374">
                  <c:v>5.4</c:v>
                </c:pt>
                <c:pt idx="1375">
                  <c:v>5.3</c:v>
                </c:pt>
                <c:pt idx="1376">
                  <c:v>6</c:v>
                </c:pt>
                <c:pt idx="1377">
                  <c:v>5.4</c:v>
                </c:pt>
                <c:pt idx="1378">
                  <c:v>5.7</c:v>
                </c:pt>
                <c:pt idx="1379">
                  <c:v>5.9</c:v>
                </c:pt>
                <c:pt idx="1380">
                  <c:v>5.8</c:v>
                </c:pt>
                <c:pt idx="1381">
                  <c:v>5.7</c:v>
                </c:pt>
                <c:pt idx="1382">
                  <c:v>5.5</c:v>
                </c:pt>
                <c:pt idx="1383">
                  <c:v>5.4</c:v>
                </c:pt>
                <c:pt idx="1384">
                  <c:v>5.9</c:v>
                </c:pt>
                <c:pt idx="1385">
                  <c:v>5.5</c:v>
                </c:pt>
                <c:pt idx="1386">
                  <c:v>5.4</c:v>
                </c:pt>
                <c:pt idx="1387">
                  <c:v>5.9</c:v>
                </c:pt>
                <c:pt idx="1388">
                  <c:v>5.7</c:v>
                </c:pt>
                <c:pt idx="1389">
                  <c:v>5.7</c:v>
                </c:pt>
                <c:pt idx="1390">
                  <c:v>5.3</c:v>
                </c:pt>
                <c:pt idx="1391">
                  <c:v>5.8</c:v>
                </c:pt>
                <c:pt idx="1392">
                  <c:v>5.5</c:v>
                </c:pt>
                <c:pt idx="1393">
                  <c:v>5.3</c:v>
                </c:pt>
                <c:pt idx="1394">
                  <c:v>5.7</c:v>
                </c:pt>
                <c:pt idx="1395">
                  <c:v>5.5</c:v>
                </c:pt>
                <c:pt idx="1396">
                  <c:v>5.8</c:v>
                </c:pt>
                <c:pt idx="1397">
                  <c:v>5.9</c:v>
                </c:pt>
                <c:pt idx="1398">
                  <c:v>5.7</c:v>
                </c:pt>
                <c:pt idx="1399">
                  <c:v>5.9</c:v>
                </c:pt>
                <c:pt idx="1400">
                  <c:v>5.7</c:v>
                </c:pt>
                <c:pt idx="1401">
                  <c:v>6.3</c:v>
                </c:pt>
                <c:pt idx="1402">
                  <c:v>5.9</c:v>
                </c:pt>
                <c:pt idx="1403">
                  <c:v>6.1</c:v>
                </c:pt>
                <c:pt idx="1404">
                  <c:v>5.9</c:v>
                </c:pt>
                <c:pt idx="1405">
                  <c:v>6.1</c:v>
                </c:pt>
                <c:pt idx="1406">
                  <c:v>5.9</c:v>
                </c:pt>
                <c:pt idx="1407">
                  <c:v>6.1</c:v>
                </c:pt>
                <c:pt idx="1408">
                  <c:v>6.1</c:v>
                </c:pt>
                <c:pt idx="1409">
                  <c:v>5.8</c:v>
                </c:pt>
                <c:pt idx="1410">
                  <c:v>5.7</c:v>
                </c:pt>
                <c:pt idx="1411">
                  <c:v>5.9</c:v>
                </c:pt>
                <c:pt idx="1412">
                  <c:v>6</c:v>
                </c:pt>
                <c:pt idx="1413">
                  <c:v>6</c:v>
                </c:pt>
                <c:pt idx="1414">
                  <c:v>6.2</c:v>
                </c:pt>
                <c:pt idx="1415">
                  <c:v>6.3</c:v>
                </c:pt>
                <c:pt idx="1416">
                  <c:v>6</c:v>
                </c:pt>
                <c:pt idx="1417">
                  <c:v>5.7</c:v>
                </c:pt>
                <c:pt idx="1418">
                  <c:v>6.1</c:v>
                </c:pt>
                <c:pt idx="1419">
                  <c:v>6.2</c:v>
                </c:pt>
                <c:pt idx="1420">
                  <c:v>6.1</c:v>
                </c:pt>
                <c:pt idx="1421">
                  <c:v>6.5</c:v>
                </c:pt>
                <c:pt idx="1422">
                  <c:v>6</c:v>
                </c:pt>
                <c:pt idx="1423">
                  <c:v>5.7</c:v>
                </c:pt>
                <c:pt idx="1424">
                  <c:v>6</c:v>
                </c:pt>
                <c:pt idx="1425">
                  <c:v>5.8</c:v>
                </c:pt>
                <c:pt idx="1426">
                  <c:v>6.1</c:v>
                </c:pt>
                <c:pt idx="1427">
                  <c:v>6.1</c:v>
                </c:pt>
                <c:pt idx="1428">
                  <c:v>5.8</c:v>
                </c:pt>
                <c:pt idx="1429">
                  <c:v>5.9</c:v>
                </c:pt>
                <c:pt idx="1430">
                  <c:v>5.4</c:v>
                </c:pt>
                <c:pt idx="1431">
                  <c:v>5.4</c:v>
                </c:pt>
                <c:pt idx="1432">
                  <c:v>5.3</c:v>
                </c:pt>
                <c:pt idx="1433">
                  <c:v>6</c:v>
                </c:pt>
                <c:pt idx="1434">
                  <c:v>5.7</c:v>
                </c:pt>
                <c:pt idx="1435">
                  <c:v>5.7</c:v>
                </c:pt>
                <c:pt idx="1436">
                  <c:v>6</c:v>
                </c:pt>
                <c:pt idx="1437">
                  <c:v>5.3</c:v>
                </c:pt>
                <c:pt idx="1438">
                  <c:v>6</c:v>
                </c:pt>
                <c:pt idx="1439">
                  <c:v>5.9</c:v>
                </c:pt>
                <c:pt idx="1440">
                  <c:v>5.5</c:v>
                </c:pt>
                <c:pt idx="1441">
                  <c:v>6</c:v>
                </c:pt>
                <c:pt idx="1442">
                  <c:v>6</c:v>
                </c:pt>
                <c:pt idx="1443">
                  <c:v>6</c:v>
                </c:pt>
                <c:pt idx="1444">
                  <c:v>5.7</c:v>
                </c:pt>
                <c:pt idx="1445">
                  <c:v>6.2</c:v>
                </c:pt>
                <c:pt idx="1446">
                  <c:v>5.7</c:v>
                </c:pt>
                <c:pt idx="1447">
                  <c:v>5.5</c:v>
                </c:pt>
                <c:pt idx="1448">
                  <c:v>5.2</c:v>
                </c:pt>
                <c:pt idx="1449">
                  <c:v>5.3</c:v>
                </c:pt>
                <c:pt idx="1450">
                  <c:v>5.8</c:v>
                </c:pt>
                <c:pt idx="1451">
                  <c:v>5.7</c:v>
                </c:pt>
                <c:pt idx="1452">
                  <c:v>5.8</c:v>
                </c:pt>
                <c:pt idx="1453">
                  <c:v>5.4</c:v>
                </c:pt>
                <c:pt idx="1454">
                  <c:v>5.4</c:v>
                </c:pt>
                <c:pt idx="1455">
                  <c:v>5.4</c:v>
                </c:pt>
                <c:pt idx="1456">
                  <c:v>6</c:v>
                </c:pt>
                <c:pt idx="1457">
                  <c:v>5.5</c:v>
                </c:pt>
                <c:pt idx="1458">
                  <c:v>5</c:v>
                </c:pt>
                <c:pt idx="1459">
                  <c:v>5.4</c:v>
                </c:pt>
                <c:pt idx="1460">
                  <c:v>5.3</c:v>
                </c:pt>
                <c:pt idx="1461">
                  <c:v>5.7</c:v>
                </c:pt>
                <c:pt idx="1462">
                  <c:v>5.4</c:v>
                </c:pt>
                <c:pt idx="1463">
                  <c:v>5.4</c:v>
                </c:pt>
                <c:pt idx="1464">
                  <c:v>5.3</c:v>
                </c:pt>
                <c:pt idx="1465">
                  <c:v>5.8</c:v>
                </c:pt>
                <c:pt idx="1466">
                  <c:v>5.5</c:v>
                </c:pt>
                <c:pt idx="1467">
                  <c:v>5.2</c:v>
                </c:pt>
                <c:pt idx="1468">
                  <c:v>5.3</c:v>
                </c:pt>
                <c:pt idx="1469">
                  <c:v>5.4</c:v>
                </c:pt>
                <c:pt idx="1470">
                  <c:v>5.3</c:v>
                </c:pt>
                <c:pt idx="1471">
                  <c:v>5.3</c:v>
                </c:pt>
                <c:pt idx="1472">
                  <c:v>5.7</c:v>
                </c:pt>
                <c:pt idx="1473">
                  <c:v>5</c:v>
                </c:pt>
                <c:pt idx="1474">
                  <c:v>5.9</c:v>
                </c:pt>
                <c:pt idx="1475">
                  <c:v>5.7</c:v>
                </c:pt>
                <c:pt idx="1476">
                  <c:v>5.3</c:v>
                </c:pt>
                <c:pt idx="1477">
                  <c:v>5.4</c:v>
                </c:pt>
                <c:pt idx="1478">
                  <c:v>5.2</c:v>
                </c:pt>
                <c:pt idx="1479">
                  <c:v>5.3</c:v>
                </c:pt>
                <c:pt idx="1480">
                  <c:v>5.3</c:v>
                </c:pt>
                <c:pt idx="1481">
                  <c:v>5.5</c:v>
                </c:pt>
                <c:pt idx="1482">
                  <c:v>5.8</c:v>
                </c:pt>
                <c:pt idx="1483">
                  <c:v>5.4</c:v>
                </c:pt>
                <c:pt idx="1484">
                  <c:v>5.9</c:v>
                </c:pt>
                <c:pt idx="1485">
                  <c:v>5.7</c:v>
                </c:pt>
                <c:pt idx="1486">
                  <c:v>5.5</c:v>
                </c:pt>
                <c:pt idx="1487">
                  <c:v>5.7</c:v>
                </c:pt>
                <c:pt idx="1488">
                  <c:v>5.2</c:v>
                </c:pt>
                <c:pt idx="1489">
                  <c:v>5.7</c:v>
                </c:pt>
                <c:pt idx="1490">
                  <c:v>5.7</c:v>
                </c:pt>
                <c:pt idx="1491">
                  <c:v>5.7</c:v>
                </c:pt>
                <c:pt idx="1492">
                  <c:v>5.8</c:v>
                </c:pt>
                <c:pt idx="1493">
                  <c:v>5.4</c:v>
                </c:pt>
                <c:pt idx="1494">
                  <c:v>5.7</c:v>
                </c:pt>
                <c:pt idx="1495">
                  <c:v>5.5</c:v>
                </c:pt>
                <c:pt idx="1496">
                  <c:v>5.4</c:v>
                </c:pt>
                <c:pt idx="1497">
                  <c:v>5.4</c:v>
                </c:pt>
                <c:pt idx="1498">
                  <c:v>5.4</c:v>
                </c:pt>
                <c:pt idx="1499">
                  <c:v>5.0999999999999996</c:v>
                </c:pt>
                <c:pt idx="1500">
                  <c:v>5.7</c:v>
                </c:pt>
                <c:pt idx="1501">
                  <c:v>5.5</c:v>
                </c:pt>
                <c:pt idx="1502">
                  <c:v>5.4</c:v>
                </c:pt>
                <c:pt idx="1503">
                  <c:v>5.2</c:v>
                </c:pt>
                <c:pt idx="1504">
                  <c:v>5.3</c:v>
                </c:pt>
                <c:pt idx="1505">
                  <c:v>5.5</c:v>
                </c:pt>
                <c:pt idx="1506">
                  <c:v>5.2</c:v>
                </c:pt>
                <c:pt idx="1507">
                  <c:v>5.3</c:v>
                </c:pt>
                <c:pt idx="1508">
                  <c:v>5.2</c:v>
                </c:pt>
                <c:pt idx="1509">
                  <c:v>5.2</c:v>
                </c:pt>
                <c:pt idx="1510">
                  <c:v>5.5</c:v>
                </c:pt>
                <c:pt idx="1511">
                  <c:v>5.5</c:v>
                </c:pt>
                <c:pt idx="1512">
                  <c:v>5.2</c:v>
                </c:pt>
                <c:pt idx="1513">
                  <c:v>5.5</c:v>
                </c:pt>
                <c:pt idx="1514">
                  <c:v>5.0999999999999996</c:v>
                </c:pt>
                <c:pt idx="1515">
                  <c:v>5.3</c:v>
                </c:pt>
                <c:pt idx="1516">
                  <c:v>5.2</c:v>
                </c:pt>
                <c:pt idx="1517">
                  <c:v>5.8</c:v>
                </c:pt>
                <c:pt idx="1518">
                  <c:v>5.0999999999999996</c:v>
                </c:pt>
                <c:pt idx="1519">
                  <c:v>5.4</c:v>
                </c:pt>
                <c:pt idx="1520">
                  <c:v>5.2</c:v>
                </c:pt>
                <c:pt idx="1521">
                  <c:v>5.2</c:v>
                </c:pt>
                <c:pt idx="1522">
                  <c:v>5.3</c:v>
                </c:pt>
                <c:pt idx="1523">
                  <c:v>5.4</c:v>
                </c:pt>
                <c:pt idx="1524">
                  <c:v>5.5</c:v>
                </c:pt>
                <c:pt idx="1525">
                  <c:v>4.9000000000000004</c:v>
                </c:pt>
                <c:pt idx="1526">
                  <c:v>5.4</c:v>
                </c:pt>
                <c:pt idx="1527">
                  <c:v>5.3</c:v>
                </c:pt>
                <c:pt idx="1528">
                  <c:v>5.2</c:v>
                </c:pt>
                <c:pt idx="1529">
                  <c:v>5.5</c:v>
                </c:pt>
                <c:pt idx="1530">
                  <c:v>5.3</c:v>
                </c:pt>
                <c:pt idx="1531">
                  <c:v>5.2</c:v>
                </c:pt>
                <c:pt idx="1532">
                  <c:v>5.2</c:v>
                </c:pt>
                <c:pt idx="1533">
                  <c:v>5.0999999999999996</c:v>
                </c:pt>
                <c:pt idx="1534">
                  <c:v>5</c:v>
                </c:pt>
                <c:pt idx="1535">
                  <c:v>5.0999999999999996</c:v>
                </c:pt>
                <c:pt idx="1536">
                  <c:v>5.2</c:v>
                </c:pt>
                <c:pt idx="1537">
                  <c:v>5.4</c:v>
                </c:pt>
                <c:pt idx="1538">
                  <c:v>5</c:v>
                </c:pt>
                <c:pt idx="1539">
                  <c:v>5.2</c:v>
                </c:pt>
                <c:pt idx="1540">
                  <c:v>5.0999999999999996</c:v>
                </c:pt>
                <c:pt idx="1541">
                  <c:v>5.2</c:v>
                </c:pt>
                <c:pt idx="1542">
                  <c:v>4.8</c:v>
                </c:pt>
                <c:pt idx="1543">
                  <c:v>4.8</c:v>
                </c:pt>
                <c:pt idx="1544">
                  <c:v>4.9000000000000004</c:v>
                </c:pt>
                <c:pt idx="1545">
                  <c:v>5</c:v>
                </c:pt>
                <c:pt idx="1546">
                  <c:v>5</c:v>
                </c:pt>
                <c:pt idx="1547">
                  <c:v>5.0999999999999996</c:v>
                </c:pt>
                <c:pt idx="1548">
                  <c:v>5.3</c:v>
                </c:pt>
                <c:pt idx="1549">
                  <c:v>5.3</c:v>
                </c:pt>
                <c:pt idx="1550">
                  <c:v>4.9000000000000004</c:v>
                </c:pt>
                <c:pt idx="1551">
                  <c:v>5.2</c:v>
                </c:pt>
                <c:pt idx="1552">
                  <c:v>5.2</c:v>
                </c:pt>
                <c:pt idx="1553">
                  <c:v>5.4</c:v>
                </c:pt>
                <c:pt idx="1554">
                  <c:v>5.2</c:v>
                </c:pt>
                <c:pt idx="1555">
                  <c:v>5.2</c:v>
                </c:pt>
                <c:pt idx="1556">
                  <c:v>5.0999999999999996</c:v>
                </c:pt>
                <c:pt idx="1557">
                  <c:v>5.0999999999999996</c:v>
                </c:pt>
                <c:pt idx="1558">
                  <c:v>5.0999999999999996</c:v>
                </c:pt>
                <c:pt idx="1559">
                  <c:v>5.3</c:v>
                </c:pt>
                <c:pt idx="1560">
                  <c:v>5.2</c:v>
                </c:pt>
                <c:pt idx="1561">
                  <c:v>4.9000000000000004</c:v>
                </c:pt>
                <c:pt idx="1562">
                  <c:v>5.2</c:v>
                </c:pt>
                <c:pt idx="1563">
                  <c:v>4.9000000000000004</c:v>
                </c:pt>
                <c:pt idx="1564">
                  <c:v>4.9000000000000004</c:v>
                </c:pt>
                <c:pt idx="1565">
                  <c:v>5.2</c:v>
                </c:pt>
                <c:pt idx="1566">
                  <c:v>4.5999999999999996</c:v>
                </c:pt>
                <c:pt idx="1567">
                  <c:v>4.7</c:v>
                </c:pt>
                <c:pt idx="1568">
                  <c:v>4.8</c:v>
                </c:pt>
                <c:pt idx="1569">
                  <c:v>4.8</c:v>
                </c:pt>
                <c:pt idx="1570">
                  <c:v>4.5999999999999996</c:v>
                </c:pt>
                <c:pt idx="1571">
                  <c:v>5</c:v>
                </c:pt>
                <c:pt idx="1572">
                  <c:v>4.7</c:v>
                </c:pt>
                <c:pt idx="1573">
                  <c:v>4.9000000000000004</c:v>
                </c:pt>
                <c:pt idx="1574">
                  <c:v>4.5999999999999996</c:v>
                </c:pt>
                <c:pt idx="1575">
                  <c:v>4.8</c:v>
                </c:pt>
                <c:pt idx="1576">
                  <c:v>4.7</c:v>
                </c:pt>
                <c:pt idx="1577">
                  <c:v>4.8</c:v>
                </c:pt>
                <c:pt idx="1578">
                  <c:v>4.5999999999999996</c:v>
                </c:pt>
                <c:pt idx="1579">
                  <c:v>4.5999999999999996</c:v>
                </c:pt>
                <c:pt idx="1580">
                  <c:v>4.8</c:v>
                </c:pt>
                <c:pt idx="1581">
                  <c:v>4.5999999999999996</c:v>
                </c:pt>
                <c:pt idx="1582">
                  <c:v>4.5</c:v>
                </c:pt>
                <c:pt idx="1583">
                  <c:v>4.7</c:v>
                </c:pt>
                <c:pt idx="1584">
                  <c:v>4.5999999999999996</c:v>
                </c:pt>
                <c:pt idx="1585">
                  <c:v>4.5</c:v>
                </c:pt>
                <c:pt idx="1586">
                  <c:v>4.9000000000000004</c:v>
                </c:pt>
                <c:pt idx="1587">
                  <c:v>4.7</c:v>
                </c:pt>
                <c:pt idx="1588">
                  <c:v>4.8</c:v>
                </c:pt>
                <c:pt idx="1589">
                  <c:v>4.7</c:v>
                </c:pt>
                <c:pt idx="1590">
                  <c:v>4.7</c:v>
                </c:pt>
                <c:pt idx="1591">
                  <c:v>4.5999999999999996</c:v>
                </c:pt>
                <c:pt idx="1592">
                  <c:v>5</c:v>
                </c:pt>
                <c:pt idx="1593">
                  <c:v>4.8</c:v>
                </c:pt>
                <c:pt idx="1594">
                  <c:v>5</c:v>
                </c:pt>
                <c:pt idx="1595">
                  <c:v>4.5999999999999996</c:v>
                </c:pt>
                <c:pt idx="1596">
                  <c:v>4.5</c:v>
                </c:pt>
                <c:pt idx="1597">
                  <c:v>5</c:v>
                </c:pt>
                <c:pt idx="1598">
                  <c:v>5</c:v>
                </c:pt>
                <c:pt idx="1599">
                  <c:v>4.8</c:v>
                </c:pt>
                <c:pt idx="1600">
                  <c:v>5.3</c:v>
                </c:pt>
                <c:pt idx="1601">
                  <c:v>4.7</c:v>
                </c:pt>
                <c:pt idx="1602">
                  <c:v>5</c:v>
                </c:pt>
                <c:pt idx="1603">
                  <c:v>4.9000000000000004</c:v>
                </c:pt>
                <c:pt idx="1604">
                  <c:v>5.2</c:v>
                </c:pt>
                <c:pt idx="1605">
                  <c:v>5</c:v>
                </c:pt>
                <c:pt idx="1606">
                  <c:v>4.8</c:v>
                </c:pt>
                <c:pt idx="1607">
                  <c:v>5.3</c:v>
                </c:pt>
                <c:pt idx="1608">
                  <c:v>5</c:v>
                </c:pt>
                <c:pt idx="1609">
                  <c:v>5.0999999999999996</c:v>
                </c:pt>
                <c:pt idx="1610">
                  <c:v>5.3</c:v>
                </c:pt>
                <c:pt idx="1611">
                  <c:v>5.5</c:v>
                </c:pt>
                <c:pt idx="1612">
                  <c:v>5</c:v>
                </c:pt>
                <c:pt idx="1613">
                  <c:v>5.2</c:v>
                </c:pt>
                <c:pt idx="1614">
                  <c:v>5</c:v>
                </c:pt>
                <c:pt idx="1615">
                  <c:v>5.0999999999999996</c:v>
                </c:pt>
                <c:pt idx="1616">
                  <c:v>5.2</c:v>
                </c:pt>
                <c:pt idx="1617">
                  <c:v>5.7</c:v>
                </c:pt>
                <c:pt idx="1618">
                  <c:v>5.3</c:v>
                </c:pt>
                <c:pt idx="1619">
                  <c:v>5.2</c:v>
                </c:pt>
                <c:pt idx="1620">
                  <c:v>5.2</c:v>
                </c:pt>
                <c:pt idx="1621">
                  <c:v>5.0999999999999996</c:v>
                </c:pt>
                <c:pt idx="1622">
                  <c:v>5.0999999999999996</c:v>
                </c:pt>
                <c:pt idx="1623">
                  <c:v>5.0999999999999996</c:v>
                </c:pt>
                <c:pt idx="1624">
                  <c:v>5.2</c:v>
                </c:pt>
                <c:pt idx="1625">
                  <c:v>5.3</c:v>
                </c:pt>
                <c:pt idx="1626">
                  <c:v>5.4</c:v>
                </c:pt>
                <c:pt idx="1627">
                  <c:v>5.2</c:v>
                </c:pt>
                <c:pt idx="1628">
                  <c:v>5.0999999999999996</c:v>
                </c:pt>
                <c:pt idx="1629">
                  <c:v>5.3</c:v>
                </c:pt>
                <c:pt idx="1630">
                  <c:v>5.2</c:v>
                </c:pt>
                <c:pt idx="1631">
                  <c:v>5</c:v>
                </c:pt>
                <c:pt idx="1632">
                  <c:v>5.2</c:v>
                </c:pt>
                <c:pt idx="1633">
                  <c:v>5.3</c:v>
                </c:pt>
                <c:pt idx="1634">
                  <c:v>4.8</c:v>
                </c:pt>
                <c:pt idx="1635">
                  <c:v>5.5</c:v>
                </c:pt>
                <c:pt idx="1636">
                  <c:v>5.3</c:v>
                </c:pt>
                <c:pt idx="1637">
                  <c:v>5</c:v>
                </c:pt>
                <c:pt idx="1638">
                  <c:v>5.2</c:v>
                </c:pt>
                <c:pt idx="1639">
                  <c:v>5.0999999999999996</c:v>
                </c:pt>
                <c:pt idx="1640">
                  <c:v>5.3</c:v>
                </c:pt>
                <c:pt idx="1641">
                  <c:v>5.5</c:v>
                </c:pt>
                <c:pt idx="1642">
                  <c:v>5.4</c:v>
                </c:pt>
                <c:pt idx="1643">
                  <c:v>5.0999999999999996</c:v>
                </c:pt>
                <c:pt idx="1644">
                  <c:v>5.3</c:v>
                </c:pt>
                <c:pt idx="1645">
                  <c:v>5.5</c:v>
                </c:pt>
                <c:pt idx="1646">
                  <c:v>5.7</c:v>
                </c:pt>
                <c:pt idx="1647">
                  <c:v>5</c:v>
                </c:pt>
                <c:pt idx="1648">
                  <c:v>5.5</c:v>
                </c:pt>
                <c:pt idx="1649">
                  <c:v>5.3</c:v>
                </c:pt>
                <c:pt idx="1650">
                  <c:v>5.7</c:v>
                </c:pt>
                <c:pt idx="1651">
                  <c:v>5</c:v>
                </c:pt>
                <c:pt idx="1652">
                  <c:v>5.9</c:v>
                </c:pt>
                <c:pt idx="1653">
                  <c:v>5.9</c:v>
                </c:pt>
                <c:pt idx="1654">
                  <c:v>5.5</c:v>
                </c:pt>
                <c:pt idx="1655">
                  <c:v>5.5</c:v>
                </c:pt>
                <c:pt idx="1656">
                  <c:v>5.2</c:v>
                </c:pt>
                <c:pt idx="1657">
                  <c:v>5.3</c:v>
                </c:pt>
                <c:pt idx="1658">
                  <c:v>5.7</c:v>
                </c:pt>
                <c:pt idx="1659">
                  <c:v>5.3</c:v>
                </c:pt>
                <c:pt idx="1660">
                  <c:v>5.5</c:v>
                </c:pt>
                <c:pt idx="1661">
                  <c:v>5.5</c:v>
                </c:pt>
                <c:pt idx="1662">
                  <c:v>5.5</c:v>
                </c:pt>
                <c:pt idx="1663">
                  <c:v>5.5</c:v>
                </c:pt>
                <c:pt idx="1664">
                  <c:v>5.5</c:v>
                </c:pt>
                <c:pt idx="1665">
                  <c:v>5.4</c:v>
                </c:pt>
                <c:pt idx="1666">
                  <c:v>5.3</c:v>
                </c:pt>
                <c:pt idx="1667">
                  <c:v>5.0999999999999996</c:v>
                </c:pt>
                <c:pt idx="1668">
                  <c:v>5.4</c:v>
                </c:pt>
                <c:pt idx="1669">
                  <c:v>5.2</c:v>
                </c:pt>
                <c:pt idx="1670">
                  <c:v>5.3</c:v>
                </c:pt>
                <c:pt idx="1671">
                  <c:v>5.2</c:v>
                </c:pt>
                <c:pt idx="1672">
                  <c:v>5.4</c:v>
                </c:pt>
                <c:pt idx="1673">
                  <c:v>5.3</c:v>
                </c:pt>
                <c:pt idx="1674">
                  <c:v>5</c:v>
                </c:pt>
                <c:pt idx="1675">
                  <c:v>5.2</c:v>
                </c:pt>
                <c:pt idx="1676">
                  <c:v>5.2</c:v>
                </c:pt>
                <c:pt idx="1677">
                  <c:v>5.2</c:v>
                </c:pt>
                <c:pt idx="1678">
                  <c:v>5</c:v>
                </c:pt>
                <c:pt idx="1679">
                  <c:v>5.2</c:v>
                </c:pt>
                <c:pt idx="1680">
                  <c:v>4.8</c:v>
                </c:pt>
                <c:pt idx="1681">
                  <c:v>5</c:v>
                </c:pt>
                <c:pt idx="1682">
                  <c:v>4.8</c:v>
                </c:pt>
                <c:pt idx="1683">
                  <c:v>5</c:v>
                </c:pt>
                <c:pt idx="1684">
                  <c:v>4.8</c:v>
                </c:pt>
                <c:pt idx="1685">
                  <c:v>5.2</c:v>
                </c:pt>
                <c:pt idx="1686">
                  <c:v>4.8</c:v>
                </c:pt>
                <c:pt idx="1687">
                  <c:v>4.8</c:v>
                </c:pt>
                <c:pt idx="1688">
                  <c:v>4.7</c:v>
                </c:pt>
                <c:pt idx="1689">
                  <c:v>5</c:v>
                </c:pt>
                <c:pt idx="1690">
                  <c:v>4.9000000000000004</c:v>
                </c:pt>
                <c:pt idx="1691">
                  <c:v>5</c:v>
                </c:pt>
                <c:pt idx="1692">
                  <c:v>4.9000000000000004</c:v>
                </c:pt>
                <c:pt idx="1693">
                  <c:v>4.7</c:v>
                </c:pt>
                <c:pt idx="1694">
                  <c:v>4.9000000000000004</c:v>
                </c:pt>
                <c:pt idx="1695">
                  <c:v>5.2</c:v>
                </c:pt>
                <c:pt idx="1696">
                  <c:v>5.0999999999999996</c:v>
                </c:pt>
                <c:pt idx="1697">
                  <c:v>4.5999999999999996</c:v>
                </c:pt>
                <c:pt idx="1698">
                  <c:v>5</c:v>
                </c:pt>
                <c:pt idx="1699">
                  <c:v>4.8</c:v>
                </c:pt>
                <c:pt idx="1700">
                  <c:v>4.9000000000000004</c:v>
                </c:pt>
                <c:pt idx="1701">
                  <c:v>5.0999999999999996</c:v>
                </c:pt>
                <c:pt idx="1702">
                  <c:v>5.0999999999999996</c:v>
                </c:pt>
                <c:pt idx="1703">
                  <c:v>4.3</c:v>
                </c:pt>
                <c:pt idx="1704">
                  <c:v>4.9000000000000004</c:v>
                </c:pt>
                <c:pt idx="1705">
                  <c:v>5</c:v>
                </c:pt>
                <c:pt idx="1706">
                  <c:v>5.0999999999999996</c:v>
                </c:pt>
                <c:pt idx="1707">
                  <c:v>5.0999999999999996</c:v>
                </c:pt>
                <c:pt idx="1708">
                  <c:v>5</c:v>
                </c:pt>
                <c:pt idx="1709">
                  <c:v>5.0999999999999996</c:v>
                </c:pt>
                <c:pt idx="1710">
                  <c:v>5.0999999999999996</c:v>
                </c:pt>
                <c:pt idx="1711">
                  <c:v>5.5</c:v>
                </c:pt>
                <c:pt idx="1712">
                  <c:v>5.0999999999999996</c:v>
                </c:pt>
                <c:pt idx="1713">
                  <c:v>5.0999999999999996</c:v>
                </c:pt>
                <c:pt idx="1714">
                  <c:v>5.0999999999999996</c:v>
                </c:pt>
                <c:pt idx="1715">
                  <c:v>5</c:v>
                </c:pt>
                <c:pt idx="1716">
                  <c:v>5.0999999999999996</c:v>
                </c:pt>
                <c:pt idx="1717">
                  <c:v>5.0999999999999996</c:v>
                </c:pt>
                <c:pt idx="1718">
                  <c:v>5.2</c:v>
                </c:pt>
                <c:pt idx="1719">
                  <c:v>5.2</c:v>
                </c:pt>
                <c:pt idx="1720">
                  <c:v>5</c:v>
                </c:pt>
                <c:pt idx="1721">
                  <c:v>5.0999999999999996</c:v>
                </c:pt>
                <c:pt idx="1722">
                  <c:v>5.0999999999999996</c:v>
                </c:pt>
                <c:pt idx="1723">
                  <c:v>5.0999999999999996</c:v>
                </c:pt>
                <c:pt idx="1724">
                  <c:v>5</c:v>
                </c:pt>
                <c:pt idx="1725">
                  <c:v>5</c:v>
                </c:pt>
                <c:pt idx="1726">
                  <c:v>5.2</c:v>
                </c:pt>
                <c:pt idx="1727">
                  <c:v>5.3</c:v>
                </c:pt>
                <c:pt idx="1728">
                  <c:v>5.0999999999999996</c:v>
                </c:pt>
                <c:pt idx="1729">
                  <c:v>5.0999999999999996</c:v>
                </c:pt>
                <c:pt idx="1730">
                  <c:v>4.7</c:v>
                </c:pt>
                <c:pt idx="1731">
                  <c:v>5.2</c:v>
                </c:pt>
                <c:pt idx="1732">
                  <c:v>5</c:v>
                </c:pt>
                <c:pt idx="1733">
                  <c:v>5.2</c:v>
                </c:pt>
                <c:pt idx="1734">
                  <c:v>5</c:v>
                </c:pt>
                <c:pt idx="1735">
                  <c:v>5.2</c:v>
                </c:pt>
                <c:pt idx="1736">
                  <c:v>5.2</c:v>
                </c:pt>
                <c:pt idx="1737">
                  <c:v>4.9000000000000004</c:v>
                </c:pt>
                <c:pt idx="1738">
                  <c:v>5</c:v>
                </c:pt>
                <c:pt idx="1739">
                  <c:v>5</c:v>
                </c:pt>
                <c:pt idx="1740">
                  <c:v>5.0999999999999996</c:v>
                </c:pt>
                <c:pt idx="1741">
                  <c:v>5</c:v>
                </c:pt>
                <c:pt idx="1742">
                  <c:v>4.8</c:v>
                </c:pt>
                <c:pt idx="1743">
                  <c:v>5.4</c:v>
                </c:pt>
                <c:pt idx="1744">
                  <c:v>5.2</c:v>
                </c:pt>
                <c:pt idx="1745">
                  <c:v>4.8</c:v>
                </c:pt>
                <c:pt idx="1746">
                  <c:v>5</c:v>
                </c:pt>
                <c:pt idx="1747">
                  <c:v>5.2</c:v>
                </c:pt>
                <c:pt idx="1748">
                  <c:v>4.8</c:v>
                </c:pt>
                <c:pt idx="1749">
                  <c:v>5.0999999999999996</c:v>
                </c:pt>
                <c:pt idx="1750">
                  <c:v>5.0999999999999996</c:v>
                </c:pt>
                <c:pt idx="1751">
                  <c:v>5</c:v>
                </c:pt>
                <c:pt idx="1752">
                  <c:v>4.8</c:v>
                </c:pt>
                <c:pt idx="1753">
                  <c:v>4.8</c:v>
                </c:pt>
                <c:pt idx="1754">
                  <c:v>4.9000000000000004</c:v>
                </c:pt>
                <c:pt idx="1755">
                  <c:v>4.8</c:v>
                </c:pt>
                <c:pt idx="1756">
                  <c:v>4.7</c:v>
                </c:pt>
                <c:pt idx="1757">
                  <c:v>4.5999999999999996</c:v>
                </c:pt>
                <c:pt idx="1758">
                  <c:v>4.4000000000000004</c:v>
                </c:pt>
                <c:pt idx="1759">
                  <c:v>4.7</c:v>
                </c:pt>
                <c:pt idx="1760">
                  <c:v>5.2</c:v>
                </c:pt>
                <c:pt idx="1761">
                  <c:v>4.8</c:v>
                </c:pt>
                <c:pt idx="1762">
                  <c:v>4.7</c:v>
                </c:pt>
                <c:pt idx="1763">
                  <c:v>4.7</c:v>
                </c:pt>
                <c:pt idx="1764">
                  <c:v>4.5999999999999996</c:v>
                </c:pt>
                <c:pt idx="1765">
                  <c:v>5</c:v>
                </c:pt>
                <c:pt idx="1766">
                  <c:v>4.5999999999999996</c:v>
                </c:pt>
                <c:pt idx="1767">
                  <c:v>4.5</c:v>
                </c:pt>
                <c:pt idx="1768">
                  <c:v>4.7</c:v>
                </c:pt>
                <c:pt idx="1769">
                  <c:v>4.8</c:v>
                </c:pt>
                <c:pt idx="1770">
                  <c:v>4.5999999999999996</c:v>
                </c:pt>
                <c:pt idx="1771">
                  <c:v>4.5</c:v>
                </c:pt>
                <c:pt idx="1772">
                  <c:v>4.5999999999999996</c:v>
                </c:pt>
                <c:pt idx="1773">
                  <c:v>4.5999999999999996</c:v>
                </c:pt>
                <c:pt idx="1774">
                  <c:v>4.2</c:v>
                </c:pt>
                <c:pt idx="1775">
                  <c:v>4.7</c:v>
                </c:pt>
                <c:pt idx="1776">
                  <c:v>4.5</c:v>
                </c:pt>
                <c:pt idx="1777">
                  <c:v>4.5999999999999996</c:v>
                </c:pt>
                <c:pt idx="1778">
                  <c:v>4.5999999999999996</c:v>
                </c:pt>
                <c:pt idx="1779">
                  <c:v>4.5</c:v>
                </c:pt>
                <c:pt idx="1780">
                  <c:v>4.7</c:v>
                </c:pt>
                <c:pt idx="1781">
                  <c:v>4.3</c:v>
                </c:pt>
                <c:pt idx="1782">
                  <c:v>4.5999999999999996</c:v>
                </c:pt>
                <c:pt idx="1783">
                  <c:v>4.3</c:v>
                </c:pt>
                <c:pt idx="1784">
                  <c:v>4.5</c:v>
                </c:pt>
                <c:pt idx="1785">
                  <c:v>4.8</c:v>
                </c:pt>
                <c:pt idx="1786">
                  <c:v>4.5999999999999996</c:v>
                </c:pt>
                <c:pt idx="1787">
                  <c:v>4.5</c:v>
                </c:pt>
                <c:pt idx="1788">
                  <c:v>4.5</c:v>
                </c:pt>
                <c:pt idx="1789">
                  <c:v>4.7</c:v>
                </c:pt>
                <c:pt idx="1790">
                  <c:v>4.5</c:v>
                </c:pt>
                <c:pt idx="1791">
                  <c:v>4.5</c:v>
                </c:pt>
                <c:pt idx="1792">
                  <c:v>5</c:v>
                </c:pt>
                <c:pt idx="1793">
                  <c:v>4.8</c:v>
                </c:pt>
                <c:pt idx="1794">
                  <c:v>4.3</c:v>
                </c:pt>
                <c:pt idx="1795">
                  <c:v>4.5999999999999996</c:v>
                </c:pt>
                <c:pt idx="1796">
                  <c:v>5</c:v>
                </c:pt>
                <c:pt idx="1797">
                  <c:v>4.8</c:v>
                </c:pt>
                <c:pt idx="1798">
                  <c:v>4.8</c:v>
                </c:pt>
                <c:pt idx="1799">
                  <c:v>4.400000000000000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6B67-4D8A-A5A6-5C2DE3310B6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24820591"/>
        <c:axId val="2125019903"/>
      </c:scatterChart>
      <c:valAx>
        <c:axId val="2124820591"/>
        <c:scaling>
          <c:orientation val="minMax"/>
          <c:max val="1799"/>
          <c:min val="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25019903"/>
        <c:crosses val="autoZero"/>
        <c:crossBetween val="midCat"/>
      </c:valAx>
      <c:valAx>
        <c:axId val="2125019903"/>
        <c:scaling>
          <c:orientation val="minMax"/>
          <c:max val="20"/>
          <c:min val="-3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24820591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Humidity (%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30Outside'!$D$1</c:f>
              <c:strCache>
                <c:ptCount val="1"/>
                <c:pt idx="0">
                  <c:v>airHUM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30Outside'!$A$2:$A$1801</c:f>
              <c:numCache>
                <c:formatCode>General</c:formatCode>
                <c:ptCount val="1800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1</c:v>
                </c:pt>
                <c:pt idx="1002">
                  <c:v>1002</c:v>
                </c:pt>
                <c:pt idx="1003">
                  <c:v>1003</c:v>
                </c:pt>
                <c:pt idx="1004">
                  <c:v>1004</c:v>
                </c:pt>
                <c:pt idx="1005">
                  <c:v>1005</c:v>
                </c:pt>
                <c:pt idx="1006">
                  <c:v>1006</c:v>
                </c:pt>
                <c:pt idx="1007">
                  <c:v>1007</c:v>
                </c:pt>
                <c:pt idx="1008">
                  <c:v>1008</c:v>
                </c:pt>
                <c:pt idx="1009">
                  <c:v>1009</c:v>
                </c:pt>
                <c:pt idx="1010">
                  <c:v>1010</c:v>
                </c:pt>
                <c:pt idx="1011">
                  <c:v>1011</c:v>
                </c:pt>
                <c:pt idx="1012">
                  <c:v>1012</c:v>
                </c:pt>
                <c:pt idx="1013">
                  <c:v>1013</c:v>
                </c:pt>
                <c:pt idx="1014">
                  <c:v>1014</c:v>
                </c:pt>
                <c:pt idx="1015">
                  <c:v>1015</c:v>
                </c:pt>
                <c:pt idx="1016">
                  <c:v>1016</c:v>
                </c:pt>
                <c:pt idx="1017">
                  <c:v>1017</c:v>
                </c:pt>
                <c:pt idx="1018">
                  <c:v>1018</c:v>
                </c:pt>
                <c:pt idx="1019">
                  <c:v>1019</c:v>
                </c:pt>
                <c:pt idx="1020">
                  <c:v>1020</c:v>
                </c:pt>
                <c:pt idx="1021">
                  <c:v>1021</c:v>
                </c:pt>
                <c:pt idx="1022">
                  <c:v>1022</c:v>
                </c:pt>
                <c:pt idx="1023">
                  <c:v>1023</c:v>
                </c:pt>
                <c:pt idx="1024">
                  <c:v>1024</c:v>
                </c:pt>
                <c:pt idx="1025">
                  <c:v>1025</c:v>
                </c:pt>
                <c:pt idx="1026">
                  <c:v>1026</c:v>
                </c:pt>
                <c:pt idx="1027">
                  <c:v>1027</c:v>
                </c:pt>
                <c:pt idx="1028">
                  <c:v>1028</c:v>
                </c:pt>
                <c:pt idx="1029">
                  <c:v>1029</c:v>
                </c:pt>
                <c:pt idx="1030">
                  <c:v>1030</c:v>
                </c:pt>
                <c:pt idx="1031">
                  <c:v>1031</c:v>
                </c:pt>
                <c:pt idx="1032">
                  <c:v>1032</c:v>
                </c:pt>
                <c:pt idx="1033">
                  <c:v>1033</c:v>
                </c:pt>
                <c:pt idx="1034">
                  <c:v>1034</c:v>
                </c:pt>
                <c:pt idx="1035">
                  <c:v>1035</c:v>
                </c:pt>
                <c:pt idx="1036">
                  <c:v>1036</c:v>
                </c:pt>
                <c:pt idx="1037">
                  <c:v>1037</c:v>
                </c:pt>
                <c:pt idx="1038">
                  <c:v>1038</c:v>
                </c:pt>
                <c:pt idx="1039">
                  <c:v>1039</c:v>
                </c:pt>
                <c:pt idx="1040">
                  <c:v>1040</c:v>
                </c:pt>
                <c:pt idx="1041">
                  <c:v>1041</c:v>
                </c:pt>
                <c:pt idx="1042">
                  <c:v>1042</c:v>
                </c:pt>
                <c:pt idx="1043">
                  <c:v>1043</c:v>
                </c:pt>
                <c:pt idx="1044">
                  <c:v>1044</c:v>
                </c:pt>
                <c:pt idx="1045">
                  <c:v>1045</c:v>
                </c:pt>
                <c:pt idx="1046">
                  <c:v>1046</c:v>
                </c:pt>
                <c:pt idx="1047">
                  <c:v>1047</c:v>
                </c:pt>
                <c:pt idx="1048">
                  <c:v>1048</c:v>
                </c:pt>
                <c:pt idx="1049">
                  <c:v>1049</c:v>
                </c:pt>
                <c:pt idx="1050">
                  <c:v>1050</c:v>
                </c:pt>
                <c:pt idx="1051">
                  <c:v>1051</c:v>
                </c:pt>
                <c:pt idx="1052">
                  <c:v>1052</c:v>
                </c:pt>
                <c:pt idx="1053">
                  <c:v>1053</c:v>
                </c:pt>
                <c:pt idx="1054">
                  <c:v>1054</c:v>
                </c:pt>
                <c:pt idx="1055">
                  <c:v>1055</c:v>
                </c:pt>
                <c:pt idx="1056">
                  <c:v>1056</c:v>
                </c:pt>
                <c:pt idx="1057">
                  <c:v>1057</c:v>
                </c:pt>
                <c:pt idx="1058">
                  <c:v>1058</c:v>
                </c:pt>
                <c:pt idx="1059">
                  <c:v>1059</c:v>
                </c:pt>
                <c:pt idx="1060">
                  <c:v>1060</c:v>
                </c:pt>
                <c:pt idx="1061">
                  <c:v>1061</c:v>
                </c:pt>
                <c:pt idx="1062">
                  <c:v>1062</c:v>
                </c:pt>
                <c:pt idx="1063">
                  <c:v>1063</c:v>
                </c:pt>
                <c:pt idx="1064">
                  <c:v>1064</c:v>
                </c:pt>
                <c:pt idx="1065">
                  <c:v>1065</c:v>
                </c:pt>
                <c:pt idx="1066">
                  <c:v>1066</c:v>
                </c:pt>
                <c:pt idx="1067">
                  <c:v>1067</c:v>
                </c:pt>
                <c:pt idx="1068">
                  <c:v>1068</c:v>
                </c:pt>
                <c:pt idx="1069">
                  <c:v>1069</c:v>
                </c:pt>
                <c:pt idx="1070">
                  <c:v>1070</c:v>
                </c:pt>
                <c:pt idx="1071">
                  <c:v>1071</c:v>
                </c:pt>
                <c:pt idx="1072">
                  <c:v>1072</c:v>
                </c:pt>
                <c:pt idx="1073">
                  <c:v>1073</c:v>
                </c:pt>
                <c:pt idx="1074">
                  <c:v>1074</c:v>
                </c:pt>
                <c:pt idx="1075">
                  <c:v>1075</c:v>
                </c:pt>
                <c:pt idx="1076">
                  <c:v>1076</c:v>
                </c:pt>
                <c:pt idx="1077">
                  <c:v>1077</c:v>
                </c:pt>
                <c:pt idx="1078">
                  <c:v>1078</c:v>
                </c:pt>
                <c:pt idx="1079">
                  <c:v>1079</c:v>
                </c:pt>
                <c:pt idx="1080">
                  <c:v>1080</c:v>
                </c:pt>
                <c:pt idx="1081">
                  <c:v>1081</c:v>
                </c:pt>
                <c:pt idx="1082">
                  <c:v>1082</c:v>
                </c:pt>
                <c:pt idx="1083">
                  <c:v>1083</c:v>
                </c:pt>
                <c:pt idx="1084">
                  <c:v>1084</c:v>
                </c:pt>
                <c:pt idx="1085">
                  <c:v>1085</c:v>
                </c:pt>
                <c:pt idx="1086">
                  <c:v>1086</c:v>
                </c:pt>
                <c:pt idx="1087">
                  <c:v>1087</c:v>
                </c:pt>
                <c:pt idx="1088">
                  <c:v>1088</c:v>
                </c:pt>
                <c:pt idx="1089">
                  <c:v>1089</c:v>
                </c:pt>
                <c:pt idx="1090">
                  <c:v>1090</c:v>
                </c:pt>
                <c:pt idx="1091">
                  <c:v>1091</c:v>
                </c:pt>
                <c:pt idx="1092">
                  <c:v>1092</c:v>
                </c:pt>
                <c:pt idx="1093">
                  <c:v>1093</c:v>
                </c:pt>
                <c:pt idx="1094">
                  <c:v>1094</c:v>
                </c:pt>
                <c:pt idx="1095">
                  <c:v>1095</c:v>
                </c:pt>
                <c:pt idx="1096">
                  <c:v>1096</c:v>
                </c:pt>
                <c:pt idx="1097">
                  <c:v>1097</c:v>
                </c:pt>
                <c:pt idx="1098">
                  <c:v>1098</c:v>
                </c:pt>
                <c:pt idx="1099">
                  <c:v>1099</c:v>
                </c:pt>
                <c:pt idx="1100">
                  <c:v>1100</c:v>
                </c:pt>
                <c:pt idx="1101">
                  <c:v>1101</c:v>
                </c:pt>
                <c:pt idx="1102">
                  <c:v>1102</c:v>
                </c:pt>
                <c:pt idx="1103">
                  <c:v>1103</c:v>
                </c:pt>
                <c:pt idx="1104">
                  <c:v>1104</c:v>
                </c:pt>
                <c:pt idx="1105">
                  <c:v>1105</c:v>
                </c:pt>
                <c:pt idx="1106">
                  <c:v>1106</c:v>
                </c:pt>
                <c:pt idx="1107">
                  <c:v>1107</c:v>
                </c:pt>
                <c:pt idx="1108">
                  <c:v>1108</c:v>
                </c:pt>
                <c:pt idx="1109">
                  <c:v>1109</c:v>
                </c:pt>
                <c:pt idx="1110">
                  <c:v>1110</c:v>
                </c:pt>
                <c:pt idx="1111">
                  <c:v>1111</c:v>
                </c:pt>
                <c:pt idx="1112">
                  <c:v>1112</c:v>
                </c:pt>
                <c:pt idx="1113">
                  <c:v>1113</c:v>
                </c:pt>
                <c:pt idx="1114">
                  <c:v>1114</c:v>
                </c:pt>
                <c:pt idx="1115">
                  <c:v>1115</c:v>
                </c:pt>
                <c:pt idx="1116">
                  <c:v>1116</c:v>
                </c:pt>
                <c:pt idx="1117">
                  <c:v>1117</c:v>
                </c:pt>
                <c:pt idx="1118">
                  <c:v>1118</c:v>
                </c:pt>
                <c:pt idx="1119">
                  <c:v>1119</c:v>
                </c:pt>
                <c:pt idx="1120">
                  <c:v>1120</c:v>
                </c:pt>
                <c:pt idx="1121">
                  <c:v>1121</c:v>
                </c:pt>
                <c:pt idx="1122">
                  <c:v>1122</c:v>
                </c:pt>
                <c:pt idx="1123">
                  <c:v>1123</c:v>
                </c:pt>
                <c:pt idx="1124">
                  <c:v>1124</c:v>
                </c:pt>
                <c:pt idx="1125">
                  <c:v>1125</c:v>
                </c:pt>
                <c:pt idx="1126">
                  <c:v>1126</c:v>
                </c:pt>
                <c:pt idx="1127">
                  <c:v>1127</c:v>
                </c:pt>
                <c:pt idx="1128">
                  <c:v>1128</c:v>
                </c:pt>
                <c:pt idx="1129">
                  <c:v>1129</c:v>
                </c:pt>
                <c:pt idx="1130">
                  <c:v>1130</c:v>
                </c:pt>
                <c:pt idx="1131">
                  <c:v>1131</c:v>
                </c:pt>
                <c:pt idx="1132">
                  <c:v>1132</c:v>
                </c:pt>
                <c:pt idx="1133">
                  <c:v>1133</c:v>
                </c:pt>
                <c:pt idx="1134">
                  <c:v>1134</c:v>
                </c:pt>
                <c:pt idx="1135">
                  <c:v>1135</c:v>
                </c:pt>
                <c:pt idx="1136">
                  <c:v>1136</c:v>
                </c:pt>
                <c:pt idx="1137">
                  <c:v>1137</c:v>
                </c:pt>
                <c:pt idx="1138">
                  <c:v>1138</c:v>
                </c:pt>
                <c:pt idx="1139">
                  <c:v>1139</c:v>
                </c:pt>
                <c:pt idx="1140">
                  <c:v>1140</c:v>
                </c:pt>
                <c:pt idx="1141">
                  <c:v>1141</c:v>
                </c:pt>
                <c:pt idx="1142">
                  <c:v>1142</c:v>
                </c:pt>
                <c:pt idx="1143">
                  <c:v>1143</c:v>
                </c:pt>
                <c:pt idx="1144">
                  <c:v>1144</c:v>
                </c:pt>
                <c:pt idx="1145">
                  <c:v>1145</c:v>
                </c:pt>
                <c:pt idx="1146">
                  <c:v>1146</c:v>
                </c:pt>
                <c:pt idx="1147">
                  <c:v>1147</c:v>
                </c:pt>
                <c:pt idx="1148">
                  <c:v>1148</c:v>
                </c:pt>
                <c:pt idx="1149">
                  <c:v>1149</c:v>
                </c:pt>
                <c:pt idx="1150">
                  <c:v>1150</c:v>
                </c:pt>
                <c:pt idx="1151">
                  <c:v>1151</c:v>
                </c:pt>
                <c:pt idx="1152">
                  <c:v>1152</c:v>
                </c:pt>
                <c:pt idx="1153">
                  <c:v>1153</c:v>
                </c:pt>
                <c:pt idx="1154">
                  <c:v>1154</c:v>
                </c:pt>
                <c:pt idx="1155">
                  <c:v>1155</c:v>
                </c:pt>
                <c:pt idx="1156">
                  <c:v>1156</c:v>
                </c:pt>
                <c:pt idx="1157">
                  <c:v>1157</c:v>
                </c:pt>
                <c:pt idx="1158">
                  <c:v>1158</c:v>
                </c:pt>
                <c:pt idx="1159">
                  <c:v>1159</c:v>
                </c:pt>
                <c:pt idx="1160">
                  <c:v>1160</c:v>
                </c:pt>
                <c:pt idx="1161">
                  <c:v>1161</c:v>
                </c:pt>
                <c:pt idx="1162">
                  <c:v>1162</c:v>
                </c:pt>
                <c:pt idx="1163">
                  <c:v>1163</c:v>
                </c:pt>
                <c:pt idx="1164">
                  <c:v>1164</c:v>
                </c:pt>
                <c:pt idx="1165">
                  <c:v>1165</c:v>
                </c:pt>
                <c:pt idx="1166">
                  <c:v>1166</c:v>
                </c:pt>
                <c:pt idx="1167">
                  <c:v>1167</c:v>
                </c:pt>
                <c:pt idx="1168">
                  <c:v>1168</c:v>
                </c:pt>
                <c:pt idx="1169">
                  <c:v>1169</c:v>
                </c:pt>
                <c:pt idx="1170">
                  <c:v>1170</c:v>
                </c:pt>
                <c:pt idx="1171">
                  <c:v>1171</c:v>
                </c:pt>
                <c:pt idx="1172">
                  <c:v>1172</c:v>
                </c:pt>
                <c:pt idx="1173">
                  <c:v>1173</c:v>
                </c:pt>
                <c:pt idx="1174">
                  <c:v>1174</c:v>
                </c:pt>
                <c:pt idx="1175">
                  <c:v>1175</c:v>
                </c:pt>
                <c:pt idx="1176">
                  <c:v>1176</c:v>
                </c:pt>
                <c:pt idx="1177">
                  <c:v>1177</c:v>
                </c:pt>
                <c:pt idx="1178">
                  <c:v>1178</c:v>
                </c:pt>
                <c:pt idx="1179">
                  <c:v>1179</c:v>
                </c:pt>
                <c:pt idx="1180">
                  <c:v>1180</c:v>
                </c:pt>
                <c:pt idx="1181">
                  <c:v>1181</c:v>
                </c:pt>
                <c:pt idx="1182">
                  <c:v>1182</c:v>
                </c:pt>
                <c:pt idx="1183">
                  <c:v>1183</c:v>
                </c:pt>
                <c:pt idx="1184">
                  <c:v>1184</c:v>
                </c:pt>
                <c:pt idx="1185">
                  <c:v>1185</c:v>
                </c:pt>
                <c:pt idx="1186">
                  <c:v>1186</c:v>
                </c:pt>
                <c:pt idx="1187">
                  <c:v>1187</c:v>
                </c:pt>
                <c:pt idx="1188">
                  <c:v>1188</c:v>
                </c:pt>
                <c:pt idx="1189">
                  <c:v>1189</c:v>
                </c:pt>
                <c:pt idx="1190">
                  <c:v>1190</c:v>
                </c:pt>
                <c:pt idx="1191">
                  <c:v>1191</c:v>
                </c:pt>
                <c:pt idx="1192">
                  <c:v>1192</c:v>
                </c:pt>
                <c:pt idx="1193">
                  <c:v>1193</c:v>
                </c:pt>
                <c:pt idx="1194">
                  <c:v>1194</c:v>
                </c:pt>
                <c:pt idx="1195">
                  <c:v>1195</c:v>
                </c:pt>
                <c:pt idx="1196">
                  <c:v>1196</c:v>
                </c:pt>
                <c:pt idx="1197">
                  <c:v>1197</c:v>
                </c:pt>
                <c:pt idx="1198">
                  <c:v>1198</c:v>
                </c:pt>
                <c:pt idx="1199">
                  <c:v>1199</c:v>
                </c:pt>
                <c:pt idx="1200">
                  <c:v>1200</c:v>
                </c:pt>
                <c:pt idx="1201">
                  <c:v>1201</c:v>
                </c:pt>
                <c:pt idx="1202">
                  <c:v>1202</c:v>
                </c:pt>
                <c:pt idx="1203">
                  <c:v>1203</c:v>
                </c:pt>
                <c:pt idx="1204">
                  <c:v>1204</c:v>
                </c:pt>
                <c:pt idx="1205">
                  <c:v>1205</c:v>
                </c:pt>
                <c:pt idx="1206">
                  <c:v>1206</c:v>
                </c:pt>
                <c:pt idx="1207">
                  <c:v>1207</c:v>
                </c:pt>
                <c:pt idx="1208">
                  <c:v>1208</c:v>
                </c:pt>
                <c:pt idx="1209">
                  <c:v>1209</c:v>
                </c:pt>
                <c:pt idx="1210">
                  <c:v>1210</c:v>
                </c:pt>
                <c:pt idx="1211">
                  <c:v>1211</c:v>
                </c:pt>
                <c:pt idx="1212">
                  <c:v>1212</c:v>
                </c:pt>
                <c:pt idx="1213">
                  <c:v>1213</c:v>
                </c:pt>
                <c:pt idx="1214">
                  <c:v>1214</c:v>
                </c:pt>
                <c:pt idx="1215">
                  <c:v>1215</c:v>
                </c:pt>
                <c:pt idx="1216">
                  <c:v>1216</c:v>
                </c:pt>
                <c:pt idx="1217">
                  <c:v>1217</c:v>
                </c:pt>
                <c:pt idx="1218">
                  <c:v>1218</c:v>
                </c:pt>
                <c:pt idx="1219">
                  <c:v>1219</c:v>
                </c:pt>
                <c:pt idx="1220">
                  <c:v>1220</c:v>
                </c:pt>
                <c:pt idx="1221">
                  <c:v>1221</c:v>
                </c:pt>
                <c:pt idx="1222">
                  <c:v>1222</c:v>
                </c:pt>
                <c:pt idx="1223">
                  <c:v>1223</c:v>
                </c:pt>
                <c:pt idx="1224">
                  <c:v>1224</c:v>
                </c:pt>
                <c:pt idx="1225">
                  <c:v>1225</c:v>
                </c:pt>
                <c:pt idx="1226">
                  <c:v>1226</c:v>
                </c:pt>
                <c:pt idx="1227">
                  <c:v>1227</c:v>
                </c:pt>
                <c:pt idx="1228">
                  <c:v>1228</c:v>
                </c:pt>
                <c:pt idx="1229">
                  <c:v>1229</c:v>
                </c:pt>
                <c:pt idx="1230">
                  <c:v>1230</c:v>
                </c:pt>
                <c:pt idx="1231">
                  <c:v>1231</c:v>
                </c:pt>
                <c:pt idx="1232">
                  <c:v>1232</c:v>
                </c:pt>
                <c:pt idx="1233">
                  <c:v>1233</c:v>
                </c:pt>
                <c:pt idx="1234">
                  <c:v>1234</c:v>
                </c:pt>
                <c:pt idx="1235">
                  <c:v>1235</c:v>
                </c:pt>
                <c:pt idx="1236">
                  <c:v>1236</c:v>
                </c:pt>
                <c:pt idx="1237">
                  <c:v>1237</c:v>
                </c:pt>
                <c:pt idx="1238">
                  <c:v>1238</c:v>
                </c:pt>
                <c:pt idx="1239">
                  <c:v>1239</c:v>
                </c:pt>
                <c:pt idx="1240">
                  <c:v>1240</c:v>
                </c:pt>
                <c:pt idx="1241">
                  <c:v>1241</c:v>
                </c:pt>
                <c:pt idx="1242">
                  <c:v>1242</c:v>
                </c:pt>
                <c:pt idx="1243">
                  <c:v>1243</c:v>
                </c:pt>
                <c:pt idx="1244">
                  <c:v>1244</c:v>
                </c:pt>
                <c:pt idx="1245">
                  <c:v>1245</c:v>
                </c:pt>
                <c:pt idx="1246">
                  <c:v>1246</c:v>
                </c:pt>
                <c:pt idx="1247">
                  <c:v>1247</c:v>
                </c:pt>
                <c:pt idx="1248">
                  <c:v>1248</c:v>
                </c:pt>
                <c:pt idx="1249">
                  <c:v>1249</c:v>
                </c:pt>
                <c:pt idx="1250">
                  <c:v>1250</c:v>
                </c:pt>
                <c:pt idx="1251">
                  <c:v>1251</c:v>
                </c:pt>
                <c:pt idx="1252">
                  <c:v>1252</c:v>
                </c:pt>
                <c:pt idx="1253">
                  <c:v>1253</c:v>
                </c:pt>
                <c:pt idx="1254">
                  <c:v>1254</c:v>
                </c:pt>
                <c:pt idx="1255">
                  <c:v>1255</c:v>
                </c:pt>
                <c:pt idx="1256">
                  <c:v>1256</c:v>
                </c:pt>
                <c:pt idx="1257">
                  <c:v>1257</c:v>
                </c:pt>
                <c:pt idx="1258">
                  <c:v>1258</c:v>
                </c:pt>
                <c:pt idx="1259">
                  <c:v>1259</c:v>
                </c:pt>
                <c:pt idx="1260">
                  <c:v>1260</c:v>
                </c:pt>
                <c:pt idx="1261">
                  <c:v>1261</c:v>
                </c:pt>
                <c:pt idx="1262">
                  <c:v>1262</c:v>
                </c:pt>
                <c:pt idx="1263">
                  <c:v>1263</c:v>
                </c:pt>
                <c:pt idx="1264">
                  <c:v>1264</c:v>
                </c:pt>
                <c:pt idx="1265">
                  <c:v>1265</c:v>
                </c:pt>
                <c:pt idx="1266">
                  <c:v>1266</c:v>
                </c:pt>
                <c:pt idx="1267">
                  <c:v>1267</c:v>
                </c:pt>
                <c:pt idx="1268">
                  <c:v>1268</c:v>
                </c:pt>
                <c:pt idx="1269">
                  <c:v>1269</c:v>
                </c:pt>
                <c:pt idx="1270">
                  <c:v>1270</c:v>
                </c:pt>
                <c:pt idx="1271">
                  <c:v>1271</c:v>
                </c:pt>
                <c:pt idx="1272">
                  <c:v>1272</c:v>
                </c:pt>
                <c:pt idx="1273">
                  <c:v>1273</c:v>
                </c:pt>
                <c:pt idx="1274">
                  <c:v>1274</c:v>
                </c:pt>
                <c:pt idx="1275">
                  <c:v>1275</c:v>
                </c:pt>
                <c:pt idx="1276">
                  <c:v>1276</c:v>
                </c:pt>
                <c:pt idx="1277">
                  <c:v>1277</c:v>
                </c:pt>
                <c:pt idx="1278">
                  <c:v>1278</c:v>
                </c:pt>
                <c:pt idx="1279">
                  <c:v>1279</c:v>
                </c:pt>
                <c:pt idx="1280">
                  <c:v>1280</c:v>
                </c:pt>
                <c:pt idx="1281">
                  <c:v>1281</c:v>
                </c:pt>
                <c:pt idx="1282">
                  <c:v>1282</c:v>
                </c:pt>
                <c:pt idx="1283">
                  <c:v>1283</c:v>
                </c:pt>
                <c:pt idx="1284">
                  <c:v>1284</c:v>
                </c:pt>
                <c:pt idx="1285">
                  <c:v>1285</c:v>
                </c:pt>
                <c:pt idx="1286">
                  <c:v>1286</c:v>
                </c:pt>
                <c:pt idx="1287">
                  <c:v>1287</c:v>
                </c:pt>
                <c:pt idx="1288">
                  <c:v>1288</c:v>
                </c:pt>
                <c:pt idx="1289">
                  <c:v>1289</c:v>
                </c:pt>
                <c:pt idx="1290">
                  <c:v>1290</c:v>
                </c:pt>
                <c:pt idx="1291">
                  <c:v>1291</c:v>
                </c:pt>
                <c:pt idx="1292">
                  <c:v>1292</c:v>
                </c:pt>
                <c:pt idx="1293">
                  <c:v>1293</c:v>
                </c:pt>
                <c:pt idx="1294">
                  <c:v>1294</c:v>
                </c:pt>
                <c:pt idx="1295">
                  <c:v>1295</c:v>
                </c:pt>
                <c:pt idx="1296">
                  <c:v>1296</c:v>
                </c:pt>
                <c:pt idx="1297">
                  <c:v>1297</c:v>
                </c:pt>
                <c:pt idx="1298">
                  <c:v>1298</c:v>
                </c:pt>
                <c:pt idx="1299">
                  <c:v>1299</c:v>
                </c:pt>
                <c:pt idx="1300">
                  <c:v>1300</c:v>
                </c:pt>
                <c:pt idx="1301">
                  <c:v>1301</c:v>
                </c:pt>
                <c:pt idx="1302">
                  <c:v>1302</c:v>
                </c:pt>
                <c:pt idx="1303">
                  <c:v>1303</c:v>
                </c:pt>
                <c:pt idx="1304">
                  <c:v>1304</c:v>
                </c:pt>
                <c:pt idx="1305">
                  <c:v>1305</c:v>
                </c:pt>
                <c:pt idx="1306">
                  <c:v>1306</c:v>
                </c:pt>
                <c:pt idx="1307">
                  <c:v>1307</c:v>
                </c:pt>
                <c:pt idx="1308">
                  <c:v>1308</c:v>
                </c:pt>
                <c:pt idx="1309">
                  <c:v>1309</c:v>
                </c:pt>
                <c:pt idx="1310">
                  <c:v>1310</c:v>
                </c:pt>
                <c:pt idx="1311">
                  <c:v>1311</c:v>
                </c:pt>
                <c:pt idx="1312">
                  <c:v>1312</c:v>
                </c:pt>
                <c:pt idx="1313">
                  <c:v>1313</c:v>
                </c:pt>
                <c:pt idx="1314">
                  <c:v>1314</c:v>
                </c:pt>
                <c:pt idx="1315">
                  <c:v>1315</c:v>
                </c:pt>
                <c:pt idx="1316">
                  <c:v>1316</c:v>
                </c:pt>
                <c:pt idx="1317">
                  <c:v>1317</c:v>
                </c:pt>
                <c:pt idx="1318">
                  <c:v>1318</c:v>
                </c:pt>
                <c:pt idx="1319">
                  <c:v>1319</c:v>
                </c:pt>
                <c:pt idx="1320">
                  <c:v>1320</c:v>
                </c:pt>
                <c:pt idx="1321">
                  <c:v>1321</c:v>
                </c:pt>
                <c:pt idx="1322">
                  <c:v>1322</c:v>
                </c:pt>
                <c:pt idx="1323">
                  <c:v>1323</c:v>
                </c:pt>
                <c:pt idx="1324">
                  <c:v>1324</c:v>
                </c:pt>
                <c:pt idx="1325">
                  <c:v>1325</c:v>
                </c:pt>
                <c:pt idx="1326">
                  <c:v>1326</c:v>
                </c:pt>
                <c:pt idx="1327">
                  <c:v>1327</c:v>
                </c:pt>
                <c:pt idx="1328">
                  <c:v>1328</c:v>
                </c:pt>
                <c:pt idx="1329">
                  <c:v>1329</c:v>
                </c:pt>
                <c:pt idx="1330">
                  <c:v>1330</c:v>
                </c:pt>
                <c:pt idx="1331">
                  <c:v>1331</c:v>
                </c:pt>
                <c:pt idx="1332">
                  <c:v>1332</c:v>
                </c:pt>
                <c:pt idx="1333">
                  <c:v>1333</c:v>
                </c:pt>
                <c:pt idx="1334">
                  <c:v>1334</c:v>
                </c:pt>
                <c:pt idx="1335">
                  <c:v>1335</c:v>
                </c:pt>
                <c:pt idx="1336">
                  <c:v>1336</c:v>
                </c:pt>
                <c:pt idx="1337">
                  <c:v>1337</c:v>
                </c:pt>
                <c:pt idx="1338">
                  <c:v>1338</c:v>
                </c:pt>
                <c:pt idx="1339">
                  <c:v>1339</c:v>
                </c:pt>
                <c:pt idx="1340">
                  <c:v>1340</c:v>
                </c:pt>
                <c:pt idx="1341">
                  <c:v>1341</c:v>
                </c:pt>
                <c:pt idx="1342">
                  <c:v>1342</c:v>
                </c:pt>
                <c:pt idx="1343">
                  <c:v>1343</c:v>
                </c:pt>
                <c:pt idx="1344">
                  <c:v>1344</c:v>
                </c:pt>
                <c:pt idx="1345">
                  <c:v>1345</c:v>
                </c:pt>
                <c:pt idx="1346">
                  <c:v>1346</c:v>
                </c:pt>
                <c:pt idx="1347">
                  <c:v>1347</c:v>
                </c:pt>
                <c:pt idx="1348">
                  <c:v>1348</c:v>
                </c:pt>
                <c:pt idx="1349">
                  <c:v>1349</c:v>
                </c:pt>
                <c:pt idx="1350">
                  <c:v>1350</c:v>
                </c:pt>
                <c:pt idx="1351">
                  <c:v>1351</c:v>
                </c:pt>
                <c:pt idx="1352">
                  <c:v>1352</c:v>
                </c:pt>
                <c:pt idx="1353">
                  <c:v>1353</c:v>
                </c:pt>
                <c:pt idx="1354">
                  <c:v>1354</c:v>
                </c:pt>
                <c:pt idx="1355">
                  <c:v>1355</c:v>
                </c:pt>
                <c:pt idx="1356">
                  <c:v>1356</c:v>
                </c:pt>
                <c:pt idx="1357">
                  <c:v>1357</c:v>
                </c:pt>
                <c:pt idx="1358">
                  <c:v>1358</c:v>
                </c:pt>
                <c:pt idx="1359">
                  <c:v>1359</c:v>
                </c:pt>
                <c:pt idx="1360">
                  <c:v>1360</c:v>
                </c:pt>
                <c:pt idx="1361">
                  <c:v>1361</c:v>
                </c:pt>
                <c:pt idx="1362">
                  <c:v>1362</c:v>
                </c:pt>
                <c:pt idx="1363">
                  <c:v>1363</c:v>
                </c:pt>
                <c:pt idx="1364">
                  <c:v>1364</c:v>
                </c:pt>
                <c:pt idx="1365">
                  <c:v>1365</c:v>
                </c:pt>
                <c:pt idx="1366">
                  <c:v>1366</c:v>
                </c:pt>
                <c:pt idx="1367">
                  <c:v>1367</c:v>
                </c:pt>
                <c:pt idx="1368">
                  <c:v>1368</c:v>
                </c:pt>
                <c:pt idx="1369">
                  <c:v>1369</c:v>
                </c:pt>
                <c:pt idx="1370">
                  <c:v>1370</c:v>
                </c:pt>
                <c:pt idx="1371">
                  <c:v>1371</c:v>
                </c:pt>
                <c:pt idx="1372">
                  <c:v>1372</c:v>
                </c:pt>
                <c:pt idx="1373">
                  <c:v>1373</c:v>
                </c:pt>
                <c:pt idx="1374">
                  <c:v>1374</c:v>
                </c:pt>
                <c:pt idx="1375">
                  <c:v>1375</c:v>
                </c:pt>
                <c:pt idx="1376">
                  <c:v>1376</c:v>
                </c:pt>
                <c:pt idx="1377">
                  <c:v>1377</c:v>
                </c:pt>
                <c:pt idx="1378">
                  <c:v>1378</c:v>
                </c:pt>
                <c:pt idx="1379">
                  <c:v>1379</c:v>
                </c:pt>
                <c:pt idx="1380">
                  <c:v>1380</c:v>
                </c:pt>
                <c:pt idx="1381">
                  <c:v>1381</c:v>
                </c:pt>
                <c:pt idx="1382">
                  <c:v>1382</c:v>
                </c:pt>
                <c:pt idx="1383">
                  <c:v>1383</c:v>
                </c:pt>
                <c:pt idx="1384">
                  <c:v>1384</c:v>
                </c:pt>
                <c:pt idx="1385">
                  <c:v>1385</c:v>
                </c:pt>
                <c:pt idx="1386">
                  <c:v>1386</c:v>
                </c:pt>
                <c:pt idx="1387">
                  <c:v>1387</c:v>
                </c:pt>
                <c:pt idx="1388">
                  <c:v>1388</c:v>
                </c:pt>
                <c:pt idx="1389">
                  <c:v>1389</c:v>
                </c:pt>
                <c:pt idx="1390">
                  <c:v>1390</c:v>
                </c:pt>
                <c:pt idx="1391">
                  <c:v>1391</c:v>
                </c:pt>
                <c:pt idx="1392">
                  <c:v>1392</c:v>
                </c:pt>
                <c:pt idx="1393">
                  <c:v>1393</c:v>
                </c:pt>
                <c:pt idx="1394">
                  <c:v>1394</c:v>
                </c:pt>
                <c:pt idx="1395">
                  <c:v>1395</c:v>
                </c:pt>
                <c:pt idx="1396">
                  <c:v>1396</c:v>
                </c:pt>
                <c:pt idx="1397">
                  <c:v>1397</c:v>
                </c:pt>
                <c:pt idx="1398">
                  <c:v>1398</c:v>
                </c:pt>
                <c:pt idx="1399">
                  <c:v>1399</c:v>
                </c:pt>
                <c:pt idx="1400">
                  <c:v>1400</c:v>
                </c:pt>
                <c:pt idx="1401">
                  <c:v>1401</c:v>
                </c:pt>
                <c:pt idx="1402">
                  <c:v>1402</c:v>
                </c:pt>
                <c:pt idx="1403">
                  <c:v>1403</c:v>
                </c:pt>
                <c:pt idx="1404">
                  <c:v>1404</c:v>
                </c:pt>
                <c:pt idx="1405">
                  <c:v>1405</c:v>
                </c:pt>
                <c:pt idx="1406">
                  <c:v>1406</c:v>
                </c:pt>
                <c:pt idx="1407">
                  <c:v>1407</c:v>
                </c:pt>
                <c:pt idx="1408">
                  <c:v>1408</c:v>
                </c:pt>
                <c:pt idx="1409">
                  <c:v>1409</c:v>
                </c:pt>
                <c:pt idx="1410">
                  <c:v>1410</c:v>
                </c:pt>
                <c:pt idx="1411">
                  <c:v>1411</c:v>
                </c:pt>
                <c:pt idx="1412">
                  <c:v>1412</c:v>
                </c:pt>
                <c:pt idx="1413">
                  <c:v>1413</c:v>
                </c:pt>
                <c:pt idx="1414">
                  <c:v>1414</c:v>
                </c:pt>
                <c:pt idx="1415">
                  <c:v>1415</c:v>
                </c:pt>
                <c:pt idx="1416">
                  <c:v>1416</c:v>
                </c:pt>
                <c:pt idx="1417">
                  <c:v>1417</c:v>
                </c:pt>
                <c:pt idx="1418">
                  <c:v>1418</c:v>
                </c:pt>
                <c:pt idx="1419">
                  <c:v>1419</c:v>
                </c:pt>
                <c:pt idx="1420">
                  <c:v>1420</c:v>
                </c:pt>
                <c:pt idx="1421">
                  <c:v>1421</c:v>
                </c:pt>
                <c:pt idx="1422">
                  <c:v>1422</c:v>
                </c:pt>
                <c:pt idx="1423">
                  <c:v>1423</c:v>
                </c:pt>
                <c:pt idx="1424">
                  <c:v>1424</c:v>
                </c:pt>
                <c:pt idx="1425">
                  <c:v>1425</c:v>
                </c:pt>
                <c:pt idx="1426">
                  <c:v>1426</c:v>
                </c:pt>
                <c:pt idx="1427">
                  <c:v>1427</c:v>
                </c:pt>
                <c:pt idx="1428">
                  <c:v>1428</c:v>
                </c:pt>
                <c:pt idx="1429">
                  <c:v>1429</c:v>
                </c:pt>
                <c:pt idx="1430">
                  <c:v>1430</c:v>
                </c:pt>
                <c:pt idx="1431">
                  <c:v>1431</c:v>
                </c:pt>
                <c:pt idx="1432">
                  <c:v>1432</c:v>
                </c:pt>
                <c:pt idx="1433">
                  <c:v>1433</c:v>
                </c:pt>
                <c:pt idx="1434">
                  <c:v>1434</c:v>
                </c:pt>
                <c:pt idx="1435">
                  <c:v>1435</c:v>
                </c:pt>
                <c:pt idx="1436">
                  <c:v>1436</c:v>
                </c:pt>
                <c:pt idx="1437">
                  <c:v>1437</c:v>
                </c:pt>
                <c:pt idx="1438">
                  <c:v>1438</c:v>
                </c:pt>
                <c:pt idx="1439">
                  <c:v>1439</c:v>
                </c:pt>
                <c:pt idx="1440">
                  <c:v>1440</c:v>
                </c:pt>
                <c:pt idx="1441">
                  <c:v>1441</c:v>
                </c:pt>
                <c:pt idx="1442">
                  <c:v>1442</c:v>
                </c:pt>
                <c:pt idx="1443">
                  <c:v>1443</c:v>
                </c:pt>
                <c:pt idx="1444">
                  <c:v>1444</c:v>
                </c:pt>
                <c:pt idx="1445">
                  <c:v>1445</c:v>
                </c:pt>
                <c:pt idx="1446">
                  <c:v>1446</c:v>
                </c:pt>
                <c:pt idx="1447">
                  <c:v>1447</c:v>
                </c:pt>
                <c:pt idx="1448">
                  <c:v>1448</c:v>
                </c:pt>
                <c:pt idx="1449">
                  <c:v>1449</c:v>
                </c:pt>
                <c:pt idx="1450">
                  <c:v>1450</c:v>
                </c:pt>
                <c:pt idx="1451">
                  <c:v>1451</c:v>
                </c:pt>
                <c:pt idx="1452">
                  <c:v>1452</c:v>
                </c:pt>
                <c:pt idx="1453">
                  <c:v>1453</c:v>
                </c:pt>
                <c:pt idx="1454">
                  <c:v>1454</c:v>
                </c:pt>
                <c:pt idx="1455">
                  <c:v>1455</c:v>
                </c:pt>
                <c:pt idx="1456">
                  <c:v>1456</c:v>
                </c:pt>
                <c:pt idx="1457">
                  <c:v>1457</c:v>
                </c:pt>
                <c:pt idx="1458">
                  <c:v>1458</c:v>
                </c:pt>
                <c:pt idx="1459">
                  <c:v>1459</c:v>
                </c:pt>
                <c:pt idx="1460">
                  <c:v>1460</c:v>
                </c:pt>
                <c:pt idx="1461">
                  <c:v>1461</c:v>
                </c:pt>
                <c:pt idx="1462">
                  <c:v>1462</c:v>
                </c:pt>
                <c:pt idx="1463">
                  <c:v>1463</c:v>
                </c:pt>
                <c:pt idx="1464">
                  <c:v>1464</c:v>
                </c:pt>
                <c:pt idx="1465">
                  <c:v>1465</c:v>
                </c:pt>
                <c:pt idx="1466">
                  <c:v>1466</c:v>
                </c:pt>
                <c:pt idx="1467">
                  <c:v>1467</c:v>
                </c:pt>
                <c:pt idx="1468">
                  <c:v>1468</c:v>
                </c:pt>
                <c:pt idx="1469">
                  <c:v>1469</c:v>
                </c:pt>
                <c:pt idx="1470">
                  <c:v>1470</c:v>
                </c:pt>
                <c:pt idx="1471">
                  <c:v>1471</c:v>
                </c:pt>
                <c:pt idx="1472">
                  <c:v>1472</c:v>
                </c:pt>
                <c:pt idx="1473">
                  <c:v>1473</c:v>
                </c:pt>
                <c:pt idx="1474">
                  <c:v>1474</c:v>
                </c:pt>
                <c:pt idx="1475">
                  <c:v>1475</c:v>
                </c:pt>
                <c:pt idx="1476">
                  <c:v>1476</c:v>
                </c:pt>
                <c:pt idx="1477">
                  <c:v>1477</c:v>
                </c:pt>
                <c:pt idx="1478">
                  <c:v>1478</c:v>
                </c:pt>
                <c:pt idx="1479">
                  <c:v>1479</c:v>
                </c:pt>
                <c:pt idx="1480">
                  <c:v>1480</c:v>
                </c:pt>
                <c:pt idx="1481">
                  <c:v>1481</c:v>
                </c:pt>
                <c:pt idx="1482">
                  <c:v>1482</c:v>
                </c:pt>
                <c:pt idx="1483">
                  <c:v>1483</c:v>
                </c:pt>
                <c:pt idx="1484">
                  <c:v>1484</c:v>
                </c:pt>
                <c:pt idx="1485">
                  <c:v>1485</c:v>
                </c:pt>
                <c:pt idx="1486">
                  <c:v>1486</c:v>
                </c:pt>
                <c:pt idx="1487">
                  <c:v>1487</c:v>
                </c:pt>
                <c:pt idx="1488">
                  <c:v>1488</c:v>
                </c:pt>
                <c:pt idx="1489">
                  <c:v>1489</c:v>
                </c:pt>
                <c:pt idx="1490">
                  <c:v>1490</c:v>
                </c:pt>
                <c:pt idx="1491">
                  <c:v>1491</c:v>
                </c:pt>
                <c:pt idx="1492">
                  <c:v>1492</c:v>
                </c:pt>
                <c:pt idx="1493">
                  <c:v>1493</c:v>
                </c:pt>
                <c:pt idx="1494">
                  <c:v>1494</c:v>
                </c:pt>
                <c:pt idx="1495">
                  <c:v>1495</c:v>
                </c:pt>
                <c:pt idx="1496">
                  <c:v>1496</c:v>
                </c:pt>
                <c:pt idx="1497">
                  <c:v>1497</c:v>
                </c:pt>
                <c:pt idx="1498">
                  <c:v>1498</c:v>
                </c:pt>
                <c:pt idx="1499">
                  <c:v>1499</c:v>
                </c:pt>
                <c:pt idx="1500">
                  <c:v>1500</c:v>
                </c:pt>
                <c:pt idx="1501">
                  <c:v>1501</c:v>
                </c:pt>
                <c:pt idx="1502">
                  <c:v>1502</c:v>
                </c:pt>
                <c:pt idx="1503">
                  <c:v>1503</c:v>
                </c:pt>
                <c:pt idx="1504">
                  <c:v>1504</c:v>
                </c:pt>
                <c:pt idx="1505">
                  <c:v>1505</c:v>
                </c:pt>
                <c:pt idx="1506">
                  <c:v>1506</c:v>
                </c:pt>
                <c:pt idx="1507">
                  <c:v>1507</c:v>
                </c:pt>
                <c:pt idx="1508">
                  <c:v>1508</c:v>
                </c:pt>
                <c:pt idx="1509">
                  <c:v>1509</c:v>
                </c:pt>
                <c:pt idx="1510">
                  <c:v>1510</c:v>
                </c:pt>
                <c:pt idx="1511">
                  <c:v>1511</c:v>
                </c:pt>
                <c:pt idx="1512">
                  <c:v>1512</c:v>
                </c:pt>
                <c:pt idx="1513">
                  <c:v>1513</c:v>
                </c:pt>
                <c:pt idx="1514">
                  <c:v>1514</c:v>
                </c:pt>
                <c:pt idx="1515">
                  <c:v>1515</c:v>
                </c:pt>
                <c:pt idx="1516">
                  <c:v>1516</c:v>
                </c:pt>
                <c:pt idx="1517">
                  <c:v>1517</c:v>
                </c:pt>
                <c:pt idx="1518">
                  <c:v>1518</c:v>
                </c:pt>
                <c:pt idx="1519">
                  <c:v>1519</c:v>
                </c:pt>
                <c:pt idx="1520">
                  <c:v>1520</c:v>
                </c:pt>
                <c:pt idx="1521">
                  <c:v>1521</c:v>
                </c:pt>
                <c:pt idx="1522">
                  <c:v>1522</c:v>
                </c:pt>
                <c:pt idx="1523">
                  <c:v>1523</c:v>
                </c:pt>
                <c:pt idx="1524">
                  <c:v>1524</c:v>
                </c:pt>
                <c:pt idx="1525">
                  <c:v>1525</c:v>
                </c:pt>
                <c:pt idx="1526">
                  <c:v>1526</c:v>
                </c:pt>
                <c:pt idx="1527">
                  <c:v>1527</c:v>
                </c:pt>
                <c:pt idx="1528">
                  <c:v>1528</c:v>
                </c:pt>
                <c:pt idx="1529">
                  <c:v>1529</c:v>
                </c:pt>
                <c:pt idx="1530">
                  <c:v>1530</c:v>
                </c:pt>
                <c:pt idx="1531">
                  <c:v>1531</c:v>
                </c:pt>
                <c:pt idx="1532">
                  <c:v>1532</c:v>
                </c:pt>
                <c:pt idx="1533">
                  <c:v>1533</c:v>
                </c:pt>
                <c:pt idx="1534">
                  <c:v>1534</c:v>
                </c:pt>
                <c:pt idx="1535">
                  <c:v>1535</c:v>
                </c:pt>
                <c:pt idx="1536">
                  <c:v>1536</c:v>
                </c:pt>
                <c:pt idx="1537">
                  <c:v>1537</c:v>
                </c:pt>
                <c:pt idx="1538">
                  <c:v>1538</c:v>
                </c:pt>
                <c:pt idx="1539">
                  <c:v>1539</c:v>
                </c:pt>
                <c:pt idx="1540">
                  <c:v>1540</c:v>
                </c:pt>
                <c:pt idx="1541">
                  <c:v>1541</c:v>
                </c:pt>
                <c:pt idx="1542">
                  <c:v>1542</c:v>
                </c:pt>
                <c:pt idx="1543">
                  <c:v>1543</c:v>
                </c:pt>
                <c:pt idx="1544">
                  <c:v>1544</c:v>
                </c:pt>
                <c:pt idx="1545">
                  <c:v>1545</c:v>
                </c:pt>
                <c:pt idx="1546">
                  <c:v>1546</c:v>
                </c:pt>
                <c:pt idx="1547">
                  <c:v>1547</c:v>
                </c:pt>
                <c:pt idx="1548">
                  <c:v>1548</c:v>
                </c:pt>
                <c:pt idx="1549">
                  <c:v>1549</c:v>
                </c:pt>
                <c:pt idx="1550">
                  <c:v>1550</c:v>
                </c:pt>
                <c:pt idx="1551">
                  <c:v>1551</c:v>
                </c:pt>
                <c:pt idx="1552">
                  <c:v>1552</c:v>
                </c:pt>
                <c:pt idx="1553">
                  <c:v>1553</c:v>
                </c:pt>
                <c:pt idx="1554">
                  <c:v>1554</c:v>
                </c:pt>
                <c:pt idx="1555">
                  <c:v>1555</c:v>
                </c:pt>
                <c:pt idx="1556">
                  <c:v>1556</c:v>
                </c:pt>
                <c:pt idx="1557">
                  <c:v>1557</c:v>
                </c:pt>
                <c:pt idx="1558">
                  <c:v>1558</c:v>
                </c:pt>
                <c:pt idx="1559">
                  <c:v>1559</c:v>
                </c:pt>
                <c:pt idx="1560">
                  <c:v>1560</c:v>
                </c:pt>
                <c:pt idx="1561">
                  <c:v>1561</c:v>
                </c:pt>
                <c:pt idx="1562">
                  <c:v>1562</c:v>
                </c:pt>
                <c:pt idx="1563">
                  <c:v>1563</c:v>
                </c:pt>
                <c:pt idx="1564">
                  <c:v>1564</c:v>
                </c:pt>
                <c:pt idx="1565">
                  <c:v>1565</c:v>
                </c:pt>
                <c:pt idx="1566">
                  <c:v>1566</c:v>
                </c:pt>
                <c:pt idx="1567">
                  <c:v>1567</c:v>
                </c:pt>
                <c:pt idx="1568">
                  <c:v>1568</c:v>
                </c:pt>
                <c:pt idx="1569">
                  <c:v>1569</c:v>
                </c:pt>
                <c:pt idx="1570">
                  <c:v>1570</c:v>
                </c:pt>
                <c:pt idx="1571">
                  <c:v>1571</c:v>
                </c:pt>
                <c:pt idx="1572">
                  <c:v>1572</c:v>
                </c:pt>
                <c:pt idx="1573">
                  <c:v>1573</c:v>
                </c:pt>
                <c:pt idx="1574">
                  <c:v>1574</c:v>
                </c:pt>
                <c:pt idx="1575">
                  <c:v>1575</c:v>
                </c:pt>
                <c:pt idx="1576">
                  <c:v>1576</c:v>
                </c:pt>
                <c:pt idx="1577">
                  <c:v>1577</c:v>
                </c:pt>
                <c:pt idx="1578">
                  <c:v>1578</c:v>
                </c:pt>
                <c:pt idx="1579">
                  <c:v>1579</c:v>
                </c:pt>
                <c:pt idx="1580">
                  <c:v>1580</c:v>
                </c:pt>
                <c:pt idx="1581">
                  <c:v>1581</c:v>
                </c:pt>
                <c:pt idx="1582">
                  <c:v>1582</c:v>
                </c:pt>
                <c:pt idx="1583">
                  <c:v>1583</c:v>
                </c:pt>
                <c:pt idx="1584">
                  <c:v>1584</c:v>
                </c:pt>
                <c:pt idx="1585">
                  <c:v>1585</c:v>
                </c:pt>
                <c:pt idx="1586">
                  <c:v>1586</c:v>
                </c:pt>
                <c:pt idx="1587">
                  <c:v>1587</c:v>
                </c:pt>
                <c:pt idx="1588">
                  <c:v>1588</c:v>
                </c:pt>
                <c:pt idx="1589">
                  <c:v>1589</c:v>
                </c:pt>
                <c:pt idx="1590">
                  <c:v>1590</c:v>
                </c:pt>
                <c:pt idx="1591">
                  <c:v>1591</c:v>
                </c:pt>
                <c:pt idx="1592">
                  <c:v>1592</c:v>
                </c:pt>
                <c:pt idx="1593">
                  <c:v>1593</c:v>
                </c:pt>
                <c:pt idx="1594">
                  <c:v>1594</c:v>
                </c:pt>
                <c:pt idx="1595">
                  <c:v>1595</c:v>
                </c:pt>
                <c:pt idx="1596">
                  <c:v>1596</c:v>
                </c:pt>
                <c:pt idx="1597">
                  <c:v>1597</c:v>
                </c:pt>
                <c:pt idx="1598">
                  <c:v>1598</c:v>
                </c:pt>
                <c:pt idx="1599">
                  <c:v>1599</c:v>
                </c:pt>
                <c:pt idx="1600">
                  <c:v>1600</c:v>
                </c:pt>
                <c:pt idx="1601">
                  <c:v>1601</c:v>
                </c:pt>
                <c:pt idx="1602">
                  <c:v>1602</c:v>
                </c:pt>
                <c:pt idx="1603">
                  <c:v>1603</c:v>
                </c:pt>
                <c:pt idx="1604">
                  <c:v>1604</c:v>
                </c:pt>
                <c:pt idx="1605">
                  <c:v>1605</c:v>
                </c:pt>
                <c:pt idx="1606">
                  <c:v>1606</c:v>
                </c:pt>
                <c:pt idx="1607">
                  <c:v>1607</c:v>
                </c:pt>
                <c:pt idx="1608">
                  <c:v>1608</c:v>
                </c:pt>
                <c:pt idx="1609">
                  <c:v>1609</c:v>
                </c:pt>
                <c:pt idx="1610">
                  <c:v>1610</c:v>
                </c:pt>
                <c:pt idx="1611">
                  <c:v>1611</c:v>
                </c:pt>
                <c:pt idx="1612">
                  <c:v>1612</c:v>
                </c:pt>
                <c:pt idx="1613">
                  <c:v>1613</c:v>
                </c:pt>
                <c:pt idx="1614">
                  <c:v>1614</c:v>
                </c:pt>
                <c:pt idx="1615">
                  <c:v>1615</c:v>
                </c:pt>
                <c:pt idx="1616">
                  <c:v>1616</c:v>
                </c:pt>
                <c:pt idx="1617">
                  <c:v>1617</c:v>
                </c:pt>
                <c:pt idx="1618">
                  <c:v>1618</c:v>
                </c:pt>
                <c:pt idx="1619">
                  <c:v>1619</c:v>
                </c:pt>
                <c:pt idx="1620">
                  <c:v>1620</c:v>
                </c:pt>
                <c:pt idx="1621">
                  <c:v>1621</c:v>
                </c:pt>
                <c:pt idx="1622">
                  <c:v>1622</c:v>
                </c:pt>
                <c:pt idx="1623">
                  <c:v>1623</c:v>
                </c:pt>
                <c:pt idx="1624">
                  <c:v>1624</c:v>
                </c:pt>
                <c:pt idx="1625">
                  <c:v>1625</c:v>
                </c:pt>
                <c:pt idx="1626">
                  <c:v>1626</c:v>
                </c:pt>
                <c:pt idx="1627">
                  <c:v>1627</c:v>
                </c:pt>
                <c:pt idx="1628">
                  <c:v>1628</c:v>
                </c:pt>
                <c:pt idx="1629">
                  <c:v>1629</c:v>
                </c:pt>
                <c:pt idx="1630">
                  <c:v>1630</c:v>
                </c:pt>
                <c:pt idx="1631">
                  <c:v>1631</c:v>
                </c:pt>
                <c:pt idx="1632">
                  <c:v>1632</c:v>
                </c:pt>
                <c:pt idx="1633">
                  <c:v>1633</c:v>
                </c:pt>
                <c:pt idx="1634">
                  <c:v>1634</c:v>
                </c:pt>
                <c:pt idx="1635">
                  <c:v>1635</c:v>
                </c:pt>
                <c:pt idx="1636">
                  <c:v>1636</c:v>
                </c:pt>
                <c:pt idx="1637">
                  <c:v>1637</c:v>
                </c:pt>
                <c:pt idx="1638">
                  <c:v>1638</c:v>
                </c:pt>
                <c:pt idx="1639">
                  <c:v>1639</c:v>
                </c:pt>
                <c:pt idx="1640">
                  <c:v>1640</c:v>
                </c:pt>
                <c:pt idx="1641">
                  <c:v>1641</c:v>
                </c:pt>
                <c:pt idx="1642">
                  <c:v>1642</c:v>
                </c:pt>
                <c:pt idx="1643">
                  <c:v>1643</c:v>
                </c:pt>
                <c:pt idx="1644">
                  <c:v>1644</c:v>
                </c:pt>
                <c:pt idx="1645">
                  <c:v>1645</c:v>
                </c:pt>
                <c:pt idx="1646">
                  <c:v>1646</c:v>
                </c:pt>
                <c:pt idx="1647">
                  <c:v>1647</c:v>
                </c:pt>
                <c:pt idx="1648">
                  <c:v>1648</c:v>
                </c:pt>
                <c:pt idx="1649">
                  <c:v>1649</c:v>
                </c:pt>
                <c:pt idx="1650">
                  <c:v>1650</c:v>
                </c:pt>
                <c:pt idx="1651">
                  <c:v>1651</c:v>
                </c:pt>
                <c:pt idx="1652">
                  <c:v>1652</c:v>
                </c:pt>
                <c:pt idx="1653">
                  <c:v>1653</c:v>
                </c:pt>
                <c:pt idx="1654">
                  <c:v>1654</c:v>
                </c:pt>
                <c:pt idx="1655">
                  <c:v>1655</c:v>
                </c:pt>
                <c:pt idx="1656">
                  <c:v>1656</c:v>
                </c:pt>
                <c:pt idx="1657">
                  <c:v>1657</c:v>
                </c:pt>
                <c:pt idx="1658">
                  <c:v>1658</c:v>
                </c:pt>
                <c:pt idx="1659">
                  <c:v>1659</c:v>
                </c:pt>
                <c:pt idx="1660">
                  <c:v>1660</c:v>
                </c:pt>
                <c:pt idx="1661">
                  <c:v>1661</c:v>
                </c:pt>
                <c:pt idx="1662">
                  <c:v>1662</c:v>
                </c:pt>
                <c:pt idx="1663">
                  <c:v>1663</c:v>
                </c:pt>
                <c:pt idx="1664">
                  <c:v>1664</c:v>
                </c:pt>
                <c:pt idx="1665">
                  <c:v>1665</c:v>
                </c:pt>
                <c:pt idx="1666">
                  <c:v>1666</c:v>
                </c:pt>
                <c:pt idx="1667">
                  <c:v>1667</c:v>
                </c:pt>
                <c:pt idx="1668">
                  <c:v>1668</c:v>
                </c:pt>
                <c:pt idx="1669">
                  <c:v>1669</c:v>
                </c:pt>
                <c:pt idx="1670">
                  <c:v>1670</c:v>
                </c:pt>
                <c:pt idx="1671">
                  <c:v>1671</c:v>
                </c:pt>
                <c:pt idx="1672">
                  <c:v>1672</c:v>
                </c:pt>
                <c:pt idx="1673">
                  <c:v>1673</c:v>
                </c:pt>
                <c:pt idx="1674">
                  <c:v>1674</c:v>
                </c:pt>
                <c:pt idx="1675">
                  <c:v>1675</c:v>
                </c:pt>
                <c:pt idx="1676">
                  <c:v>1676</c:v>
                </c:pt>
                <c:pt idx="1677">
                  <c:v>1677</c:v>
                </c:pt>
                <c:pt idx="1678">
                  <c:v>1678</c:v>
                </c:pt>
                <c:pt idx="1679">
                  <c:v>1679</c:v>
                </c:pt>
                <c:pt idx="1680">
                  <c:v>1680</c:v>
                </c:pt>
                <c:pt idx="1681">
                  <c:v>1681</c:v>
                </c:pt>
                <c:pt idx="1682">
                  <c:v>1682</c:v>
                </c:pt>
                <c:pt idx="1683">
                  <c:v>1683</c:v>
                </c:pt>
                <c:pt idx="1684">
                  <c:v>1684</c:v>
                </c:pt>
                <c:pt idx="1685">
                  <c:v>1685</c:v>
                </c:pt>
                <c:pt idx="1686">
                  <c:v>1686</c:v>
                </c:pt>
                <c:pt idx="1687">
                  <c:v>1687</c:v>
                </c:pt>
                <c:pt idx="1688">
                  <c:v>1688</c:v>
                </c:pt>
                <c:pt idx="1689">
                  <c:v>1689</c:v>
                </c:pt>
                <c:pt idx="1690">
                  <c:v>1690</c:v>
                </c:pt>
                <c:pt idx="1691">
                  <c:v>1691</c:v>
                </c:pt>
                <c:pt idx="1692">
                  <c:v>1692</c:v>
                </c:pt>
                <c:pt idx="1693">
                  <c:v>1693</c:v>
                </c:pt>
                <c:pt idx="1694">
                  <c:v>1694</c:v>
                </c:pt>
                <c:pt idx="1695">
                  <c:v>1695</c:v>
                </c:pt>
                <c:pt idx="1696">
                  <c:v>1696</c:v>
                </c:pt>
                <c:pt idx="1697">
                  <c:v>1697</c:v>
                </c:pt>
                <c:pt idx="1698">
                  <c:v>1698</c:v>
                </c:pt>
                <c:pt idx="1699">
                  <c:v>1699</c:v>
                </c:pt>
                <c:pt idx="1700">
                  <c:v>1700</c:v>
                </c:pt>
                <c:pt idx="1701">
                  <c:v>1701</c:v>
                </c:pt>
                <c:pt idx="1702">
                  <c:v>1702</c:v>
                </c:pt>
                <c:pt idx="1703">
                  <c:v>1703</c:v>
                </c:pt>
                <c:pt idx="1704">
                  <c:v>1704</c:v>
                </c:pt>
                <c:pt idx="1705">
                  <c:v>1705</c:v>
                </c:pt>
                <c:pt idx="1706">
                  <c:v>1706</c:v>
                </c:pt>
                <c:pt idx="1707">
                  <c:v>1707</c:v>
                </c:pt>
                <c:pt idx="1708">
                  <c:v>1708</c:v>
                </c:pt>
                <c:pt idx="1709">
                  <c:v>1709</c:v>
                </c:pt>
                <c:pt idx="1710">
                  <c:v>1710</c:v>
                </c:pt>
                <c:pt idx="1711">
                  <c:v>1711</c:v>
                </c:pt>
                <c:pt idx="1712">
                  <c:v>1712</c:v>
                </c:pt>
                <c:pt idx="1713">
                  <c:v>1713</c:v>
                </c:pt>
                <c:pt idx="1714">
                  <c:v>1714</c:v>
                </c:pt>
                <c:pt idx="1715">
                  <c:v>1715</c:v>
                </c:pt>
                <c:pt idx="1716">
                  <c:v>1716</c:v>
                </c:pt>
                <c:pt idx="1717">
                  <c:v>1717</c:v>
                </c:pt>
                <c:pt idx="1718">
                  <c:v>1718</c:v>
                </c:pt>
                <c:pt idx="1719">
                  <c:v>1719</c:v>
                </c:pt>
                <c:pt idx="1720">
                  <c:v>1720</c:v>
                </c:pt>
                <c:pt idx="1721">
                  <c:v>1721</c:v>
                </c:pt>
                <c:pt idx="1722">
                  <c:v>1722</c:v>
                </c:pt>
                <c:pt idx="1723">
                  <c:v>1723</c:v>
                </c:pt>
                <c:pt idx="1724">
                  <c:v>1724</c:v>
                </c:pt>
                <c:pt idx="1725">
                  <c:v>1725</c:v>
                </c:pt>
                <c:pt idx="1726">
                  <c:v>1726</c:v>
                </c:pt>
                <c:pt idx="1727">
                  <c:v>1727</c:v>
                </c:pt>
                <c:pt idx="1728">
                  <c:v>1728</c:v>
                </c:pt>
                <c:pt idx="1729">
                  <c:v>1729</c:v>
                </c:pt>
                <c:pt idx="1730">
                  <c:v>1730</c:v>
                </c:pt>
                <c:pt idx="1731">
                  <c:v>1731</c:v>
                </c:pt>
                <c:pt idx="1732">
                  <c:v>1732</c:v>
                </c:pt>
                <c:pt idx="1733">
                  <c:v>1733</c:v>
                </c:pt>
                <c:pt idx="1734">
                  <c:v>1734</c:v>
                </c:pt>
                <c:pt idx="1735">
                  <c:v>1735</c:v>
                </c:pt>
                <c:pt idx="1736">
                  <c:v>1736</c:v>
                </c:pt>
                <c:pt idx="1737">
                  <c:v>1737</c:v>
                </c:pt>
                <c:pt idx="1738">
                  <c:v>1738</c:v>
                </c:pt>
                <c:pt idx="1739">
                  <c:v>1739</c:v>
                </c:pt>
                <c:pt idx="1740">
                  <c:v>1740</c:v>
                </c:pt>
                <c:pt idx="1741">
                  <c:v>1741</c:v>
                </c:pt>
                <c:pt idx="1742">
                  <c:v>1742</c:v>
                </c:pt>
                <c:pt idx="1743">
                  <c:v>1743</c:v>
                </c:pt>
                <c:pt idx="1744">
                  <c:v>1744</c:v>
                </c:pt>
                <c:pt idx="1745">
                  <c:v>1745</c:v>
                </c:pt>
                <c:pt idx="1746">
                  <c:v>1746</c:v>
                </c:pt>
                <c:pt idx="1747">
                  <c:v>1747</c:v>
                </c:pt>
                <c:pt idx="1748">
                  <c:v>1748</c:v>
                </c:pt>
                <c:pt idx="1749">
                  <c:v>1749</c:v>
                </c:pt>
                <c:pt idx="1750">
                  <c:v>1750</c:v>
                </c:pt>
                <c:pt idx="1751">
                  <c:v>1751</c:v>
                </c:pt>
                <c:pt idx="1752">
                  <c:v>1752</c:v>
                </c:pt>
                <c:pt idx="1753">
                  <c:v>1753</c:v>
                </c:pt>
                <c:pt idx="1754">
                  <c:v>1754</c:v>
                </c:pt>
                <c:pt idx="1755">
                  <c:v>1755</c:v>
                </c:pt>
                <c:pt idx="1756">
                  <c:v>1756</c:v>
                </c:pt>
                <c:pt idx="1757">
                  <c:v>1757</c:v>
                </c:pt>
                <c:pt idx="1758">
                  <c:v>1758</c:v>
                </c:pt>
                <c:pt idx="1759">
                  <c:v>1759</c:v>
                </c:pt>
                <c:pt idx="1760">
                  <c:v>1760</c:v>
                </c:pt>
                <c:pt idx="1761">
                  <c:v>1761</c:v>
                </c:pt>
                <c:pt idx="1762">
                  <c:v>1762</c:v>
                </c:pt>
                <c:pt idx="1763">
                  <c:v>1763</c:v>
                </c:pt>
                <c:pt idx="1764">
                  <c:v>1764</c:v>
                </c:pt>
                <c:pt idx="1765">
                  <c:v>1765</c:v>
                </c:pt>
                <c:pt idx="1766">
                  <c:v>1766</c:v>
                </c:pt>
                <c:pt idx="1767">
                  <c:v>1767</c:v>
                </c:pt>
                <c:pt idx="1768">
                  <c:v>1768</c:v>
                </c:pt>
                <c:pt idx="1769">
                  <c:v>1769</c:v>
                </c:pt>
                <c:pt idx="1770">
                  <c:v>1770</c:v>
                </c:pt>
                <c:pt idx="1771">
                  <c:v>1771</c:v>
                </c:pt>
                <c:pt idx="1772">
                  <c:v>1772</c:v>
                </c:pt>
                <c:pt idx="1773">
                  <c:v>1773</c:v>
                </c:pt>
                <c:pt idx="1774">
                  <c:v>1774</c:v>
                </c:pt>
                <c:pt idx="1775">
                  <c:v>1775</c:v>
                </c:pt>
                <c:pt idx="1776">
                  <c:v>1776</c:v>
                </c:pt>
                <c:pt idx="1777">
                  <c:v>1777</c:v>
                </c:pt>
                <c:pt idx="1778">
                  <c:v>1778</c:v>
                </c:pt>
                <c:pt idx="1779">
                  <c:v>1779</c:v>
                </c:pt>
                <c:pt idx="1780">
                  <c:v>1780</c:v>
                </c:pt>
                <c:pt idx="1781">
                  <c:v>1781</c:v>
                </c:pt>
                <c:pt idx="1782">
                  <c:v>1782</c:v>
                </c:pt>
                <c:pt idx="1783">
                  <c:v>1783</c:v>
                </c:pt>
                <c:pt idx="1784">
                  <c:v>1784</c:v>
                </c:pt>
                <c:pt idx="1785">
                  <c:v>1785</c:v>
                </c:pt>
                <c:pt idx="1786">
                  <c:v>1786</c:v>
                </c:pt>
                <c:pt idx="1787">
                  <c:v>1787</c:v>
                </c:pt>
                <c:pt idx="1788">
                  <c:v>1788</c:v>
                </c:pt>
                <c:pt idx="1789">
                  <c:v>1789</c:v>
                </c:pt>
                <c:pt idx="1790">
                  <c:v>1790</c:v>
                </c:pt>
                <c:pt idx="1791">
                  <c:v>1791</c:v>
                </c:pt>
                <c:pt idx="1792">
                  <c:v>1792</c:v>
                </c:pt>
                <c:pt idx="1793">
                  <c:v>1793</c:v>
                </c:pt>
                <c:pt idx="1794">
                  <c:v>1794</c:v>
                </c:pt>
                <c:pt idx="1795">
                  <c:v>1795</c:v>
                </c:pt>
                <c:pt idx="1796">
                  <c:v>1796</c:v>
                </c:pt>
                <c:pt idx="1797">
                  <c:v>1797</c:v>
                </c:pt>
                <c:pt idx="1798">
                  <c:v>1798</c:v>
                </c:pt>
                <c:pt idx="1799">
                  <c:v>1799</c:v>
                </c:pt>
              </c:numCache>
            </c:numRef>
          </c:xVal>
          <c:yVal>
            <c:numRef>
              <c:f>'30Outside'!$D$2:$D$1801</c:f>
              <c:numCache>
                <c:formatCode>General</c:formatCode>
                <c:ptCount val="1800"/>
                <c:pt idx="0">
                  <c:v>16.899999999999999</c:v>
                </c:pt>
                <c:pt idx="1">
                  <c:v>17</c:v>
                </c:pt>
                <c:pt idx="2">
                  <c:v>17.100000000000001</c:v>
                </c:pt>
                <c:pt idx="3">
                  <c:v>17.2</c:v>
                </c:pt>
                <c:pt idx="4">
                  <c:v>17.399999999999999</c:v>
                </c:pt>
                <c:pt idx="5">
                  <c:v>17.5</c:v>
                </c:pt>
                <c:pt idx="6">
                  <c:v>17.7</c:v>
                </c:pt>
                <c:pt idx="7">
                  <c:v>17.899999999999999</c:v>
                </c:pt>
                <c:pt idx="8">
                  <c:v>18</c:v>
                </c:pt>
                <c:pt idx="9">
                  <c:v>18.100000000000001</c:v>
                </c:pt>
                <c:pt idx="10">
                  <c:v>18.2</c:v>
                </c:pt>
                <c:pt idx="11">
                  <c:v>18.399999999999999</c:v>
                </c:pt>
                <c:pt idx="12">
                  <c:v>18.5</c:v>
                </c:pt>
                <c:pt idx="13">
                  <c:v>18.7</c:v>
                </c:pt>
                <c:pt idx="14">
                  <c:v>18.8</c:v>
                </c:pt>
                <c:pt idx="15">
                  <c:v>18.899999999999999</c:v>
                </c:pt>
                <c:pt idx="16">
                  <c:v>19.100000000000001</c:v>
                </c:pt>
                <c:pt idx="17">
                  <c:v>19.2</c:v>
                </c:pt>
                <c:pt idx="18">
                  <c:v>19.3</c:v>
                </c:pt>
                <c:pt idx="19">
                  <c:v>19.5</c:v>
                </c:pt>
                <c:pt idx="20">
                  <c:v>19.600000000000001</c:v>
                </c:pt>
                <c:pt idx="21">
                  <c:v>19.7</c:v>
                </c:pt>
                <c:pt idx="22">
                  <c:v>19.8</c:v>
                </c:pt>
                <c:pt idx="23">
                  <c:v>19.899999999999999</c:v>
                </c:pt>
                <c:pt idx="24">
                  <c:v>20.100000000000001</c:v>
                </c:pt>
                <c:pt idx="25">
                  <c:v>20.2</c:v>
                </c:pt>
                <c:pt idx="26">
                  <c:v>20.3</c:v>
                </c:pt>
                <c:pt idx="27">
                  <c:v>20.399999999999999</c:v>
                </c:pt>
                <c:pt idx="28">
                  <c:v>20.5</c:v>
                </c:pt>
                <c:pt idx="29">
                  <c:v>20.6</c:v>
                </c:pt>
                <c:pt idx="30">
                  <c:v>20.8</c:v>
                </c:pt>
                <c:pt idx="31">
                  <c:v>20.9</c:v>
                </c:pt>
                <c:pt idx="32">
                  <c:v>21.1</c:v>
                </c:pt>
                <c:pt idx="33">
                  <c:v>21.2</c:v>
                </c:pt>
                <c:pt idx="34">
                  <c:v>21.4</c:v>
                </c:pt>
                <c:pt idx="35">
                  <c:v>21.7</c:v>
                </c:pt>
                <c:pt idx="36">
                  <c:v>21.9</c:v>
                </c:pt>
                <c:pt idx="37">
                  <c:v>22.1</c:v>
                </c:pt>
                <c:pt idx="38">
                  <c:v>22.3</c:v>
                </c:pt>
                <c:pt idx="39">
                  <c:v>22.5</c:v>
                </c:pt>
                <c:pt idx="40">
                  <c:v>22.7</c:v>
                </c:pt>
                <c:pt idx="41">
                  <c:v>22.9</c:v>
                </c:pt>
                <c:pt idx="42">
                  <c:v>23</c:v>
                </c:pt>
                <c:pt idx="43">
                  <c:v>23.2</c:v>
                </c:pt>
                <c:pt idx="44">
                  <c:v>23.4</c:v>
                </c:pt>
                <c:pt idx="45">
                  <c:v>23.6</c:v>
                </c:pt>
                <c:pt idx="46">
                  <c:v>23.8</c:v>
                </c:pt>
                <c:pt idx="47">
                  <c:v>23.9</c:v>
                </c:pt>
                <c:pt idx="48">
                  <c:v>24.1</c:v>
                </c:pt>
                <c:pt idx="49">
                  <c:v>24.3</c:v>
                </c:pt>
                <c:pt idx="50">
                  <c:v>24.5</c:v>
                </c:pt>
                <c:pt idx="51">
                  <c:v>24.7</c:v>
                </c:pt>
                <c:pt idx="52">
                  <c:v>24.9</c:v>
                </c:pt>
                <c:pt idx="53">
                  <c:v>25.1</c:v>
                </c:pt>
                <c:pt idx="54">
                  <c:v>25.3</c:v>
                </c:pt>
                <c:pt idx="55">
                  <c:v>25.5</c:v>
                </c:pt>
                <c:pt idx="56">
                  <c:v>25.7</c:v>
                </c:pt>
                <c:pt idx="57">
                  <c:v>25.8</c:v>
                </c:pt>
                <c:pt idx="58">
                  <c:v>25.9</c:v>
                </c:pt>
                <c:pt idx="59">
                  <c:v>26</c:v>
                </c:pt>
                <c:pt idx="60">
                  <c:v>26.1</c:v>
                </c:pt>
                <c:pt idx="61">
                  <c:v>26.2</c:v>
                </c:pt>
                <c:pt idx="62">
                  <c:v>26.3</c:v>
                </c:pt>
                <c:pt idx="63">
                  <c:v>26.4</c:v>
                </c:pt>
                <c:pt idx="64">
                  <c:v>26.5</c:v>
                </c:pt>
                <c:pt idx="65">
                  <c:v>26.6</c:v>
                </c:pt>
                <c:pt idx="66">
                  <c:v>26.7</c:v>
                </c:pt>
                <c:pt idx="67">
                  <c:v>26.8</c:v>
                </c:pt>
                <c:pt idx="68">
                  <c:v>26.9</c:v>
                </c:pt>
                <c:pt idx="69">
                  <c:v>27.1</c:v>
                </c:pt>
                <c:pt idx="70">
                  <c:v>27.2</c:v>
                </c:pt>
                <c:pt idx="71">
                  <c:v>27.3</c:v>
                </c:pt>
                <c:pt idx="72">
                  <c:v>27.5</c:v>
                </c:pt>
                <c:pt idx="73">
                  <c:v>27.6</c:v>
                </c:pt>
                <c:pt idx="74">
                  <c:v>27.8</c:v>
                </c:pt>
                <c:pt idx="75">
                  <c:v>27.9</c:v>
                </c:pt>
                <c:pt idx="76">
                  <c:v>28</c:v>
                </c:pt>
                <c:pt idx="77">
                  <c:v>28.1</c:v>
                </c:pt>
                <c:pt idx="78">
                  <c:v>28.2</c:v>
                </c:pt>
                <c:pt idx="79">
                  <c:v>28.3</c:v>
                </c:pt>
                <c:pt idx="80">
                  <c:v>28.4</c:v>
                </c:pt>
                <c:pt idx="81">
                  <c:v>28.5</c:v>
                </c:pt>
                <c:pt idx="82">
                  <c:v>28.6</c:v>
                </c:pt>
                <c:pt idx="83">
                  <c:v>28.7</c:v>
                </c:pt>
                <c:pt idx="84">
                  <c:v>28.9</c:v>
                </c:pt>
                <c:pt idx="85">
                  <c:v>29</c:v>
                </c:pt>
                <c:pt idx="86">
                  <c:v>29.1</c:v>
                </c:pt>
                <c:pt idx="87">
                  <c:v>29.3</c:v>
                </c:pt>
                <c:pt idx="88">
                  <c:v>29.4</c:v>
                </c:pt>
                <c:pt idx="89">
                  <c:v>29.6</c:v>
                </c:pt>
                <c:pt idx="90">
                  <c:v>29.7</c:v>
                </c:pt>
                <c:pt idx="91">
                  <c:v>29.8</c:v>
                </c:pt>
                <c:pt idx="92">
                  <c:v>29.9</c:v>
                </c:pt>
                <c:pt idx="93">
                  <c:v>30</c:v>
                </c:pt>
                <c:pt idx="94">
                  <c:v>30.1</c:v>
                </c:pt>
                <c:pt idx="95">
                  <c:v>30.2</c:v>
                </c:pt>
                <c:pt idx="96">
                  <c:v>30.3</c:v>
                </c:pt>
                <c:pt idx="97">
                  <c:v>30.4</c:v>
                </c:pt>
                <c:pt idx="98">
                  <c:v>30.4</c:v>
                </c:pt>
                <c:pt idx="99">
                  <c:v>30.5</c:v>
                </c:pt>
                <c:pt idx="100">
                  <c:v>30.6</c:v>
                </c:pt>
                <c:pt idx="101">
                  <c:v>30.7</c:v>
                </c:pt>
                <c:pt idx="102">
                  <c:v>30.8</c:v>
                </c:pt>
                <c:pt idx="103">
                  <c:v>30.9</c:v>
                </c:pt>
                <c:pt idx="104">
                  <c:v>31</c:v>
                </c:pt>
                <c:pt idx="105">
                  <c:v>31</c:v>
                </c:pt>
                <c:pt idx="106">
                  <c:v>31.1</c:v>
                </c:pt>
                <c:pt idx="107">
                  <c:v>31.2</c:v>
                </c:pt>
                <c:pt idx="108">
                  <c:v>31.3</c:v>
                </c:pt>
                <c:pt idx="109">
                  <c:v>31.4</c:v>
                </c:pt>
                <c:pt idx="110">
                  <c:v>31.5</c:v>
                </c:pt>
                <c:pt idx="111">
                  <c:v>31.7</c:v>
                </c:pt>
                <c:pt idx="112">
                  <c:v>31.8</c:v>
                </c:pt>
                <c:pt idx="113">
                  <c:v>32</c:v>
                </c:pt>
                <c:pt idx="114">
                  <c:v>32.200000000000003</c:v>
                </c:pt>
                <c:pt idx="115">
                  <c:v>32.299999999999997</c:v>
                </c:pt>
                <c:pt idx="116">
                  <c:v>32.5</c:v>
                </c:pt>
                <c:pt idx="117">
                  <c:v>32.6</c:v>
                </c:pt>
                <c:pt idx="118">
                  <c:v>32.799999999999997</c:v>
                </c:pt>
                <c:pt idx="119">
                  <c:v>32.9</c:v>
                </c:pt>
                <c:pt idx="120">
                  <c:v>33.1</c:v>
                </c:pt>
                <c:pt idx="121">
                  <c:v>33.299999999999997</c:v>
                </c:pt>
                <c:pt idx="122">
                  <c:v>33.4</c:v>
                </c:pt>
                <c:pt idx="123">
                  <c:v>33.6</c:v>
                </c:pt>
                <c:pt idx="124">
                  <c:v>33.799999999999997</c:v>
                </c:pt>
                <c:pt idx="125">
                  <c:v>33.9</c:v>
                </c:pt>
                <c:pt idx="126">
                  <c:v>34.1</c:v>
                </c:pt>
                <c:pt idx="127">
                  <c:v>34.200000000000003</c:v>
                </c:pt>
                <c:pt idx="128">
                  <c:v>34.299999999999997</c:v>
                </c:pt>
                <c:pt idx="129">
                  <c:v>34.4</c:v>
                </c:pt>
                <c:pt idx="130">
                  <c:v>34.4</c:v>
                </c:pt>
                <c:pt idx="131">
                  <c:v>34.5</c:v>
                </c:pt>
                <c:pt idx="132">
                  <c:v>34.6</c:v>
                </c:pt>
                <c:pt idx="133">
                  <c:v>34.700000000000003</c:v>
                </c:pt>
                <c:pt idx="134">
                  <c:v>34.799999999999997</c:v>
                </c:pt>
                <c:pt idx="135">
                  <c:v>34.9</c:v>
                </c:pt>
                <c:pt idx="136">
                  <c:v>35</c:v>
                </c:pt>
                <c:pt idx="137">
                  <c:v>35.1</c:v>
                </c:pt>
                <c:pt idx="138">
                  <c:v>35.200000000000003</c:v>
                </c:pt>
                <c:pt idx="139">
                  <c:v>35.299999999999997</c:v>
                </c:pt>
                <c:pt idx="140">
                  <c:v>35.4</c:v>
                </c:pt>
                <c:pt idx="141">
                  <c:v>35.5</c:v>
                </c:pt>
                <c:pt idx="142">
                  <c:v>35.6</c:v>
                </c:pt>
                <c:pt idx="143">
                  <c:v>35.799999999999997</c:v>
                </c:pt>
                <c:pt idx="144">
                  <c:v>35.9</c:v>
                </c:pt>
                <c:pt idx="145">
                  <c:v>36</c:v>
                </c:pt>
                <c:pt idx="146">
                  <c:v>36.1</c:v>
                </c:pt>
                <c:pt idx="147">
                  <c:v>36.200000000000003</c:v>
                </c:pt>
                <c:pt idx="148">
                  <c:v>36.299999999999997</c:v>
                </c:pt>
                <c:pt idx="149">
                  <c:v>36.4</c:v>
                </c:pt>
                <c:pt idx="150">
                  <c:v>36.5</c:v>
                </c:pt>
                <c:pt idx="151">
                  <c:v>36.6</c:v>
                </c:pt>
                <c:pt idx="152">
                  <c:v>36.700000000000003</c:v>
                </c:pt>
                <c:pt idx="153">
                  <c:v>36.700000000000003</c:v>
                </c:pt>
                <c:pt idx="154">
                  <c:v>36.799999999999997</c:v>
                </c:pt>
                <c:pt idx="155">
                  <c:v>36.799999999999997</c:v>
                </c:pt>
                <c:pt idx="156">
                  <c:v>36.9</c:v>
                </c:pt>
                <c:pt idx="157">
                  <c:v>37</c:v>
                </c:pt>
                <c:pt idx="158">
                  <c:v>37.1</c:v>
                </c:pt>
                <c:pt idx="159">
                  <c:v>37.1</c:v>
                </c:pt>
                <c:pt idx="160">
                  <c:v>37.200000000000003</c:v>
                </c:pt>
                <c:pt idx="161">
                  <c:v>37.299999999999997</c:v>
                </c:pt>
                <c:pt idx="162">
                  <c:v>37.4</c:v>
                </c:pt>
                <c:pt idx="163">
                  <c:v>37.5</c:v>
                </c:pt>
                <c:pt idx="164">
                  <c:v>37.6</c:v>
                </c:pt>
                <c:pt idx="165">
                  <c:v>37.700000000000003</c:v>
                </c:pt>
                <c:pt idx="166">
                  <c:v>37.700000000000003</c:v>
                </c:pt>
                <c:pt idx="167">
                  <c:v>37.799999999999997</c:v>
                </c:pt>
                <c:pt idx="168">
                  <c:v>37.9</c:v>
                </c:pt>
                <c:pt idx="169">
                  <c:v>37.9</c:v>
                </c:pt>
                <c:pt idx="170">
                  <c:v>38</c:v>
                </c:pt>
                <c:pt idx="171">
                  <c:v>38</c:v>
                </c:pt>
                <c:pt idx="172">
                  <c:v>38.1</c:v>
                </c:pt>
                <c:pt idx="173">
                  <c:v>38.200000000000003</c:v>
                </c:pt>
                <c:pt idx="174">
                  <c:v>38.200000000000003</c:v>
                </c:pt>
                <c:pt idx="175">
                  <c:v>38.299999999999997</c:v>
                </c:pt>
                <c:pt idx="176">
                  <c:v>38.4</c:v>
                </c:pt>
                <c:pt idx="177">
                  <c:v>38.5</c:v>
                </c:pt>
                <c:pt idx="178">
                  <c:v>38.5</c:v>
                </c:pt>
                <c:pt idx="179">
                  <c:v>38.6</c:v>
                </c:pt>
                <c:pt idx="180">
                  <c:v>38.700000000000003</c:v>
                </c:pt>
                <c:pt idx="181">
                  <c:v>38.799999999999997</c:v>
                </c:pt>
                <c:pt idx="182">
                  <c:v>38.9</c:v>
                </c:pt>
                <c:pt idx="183">
                  <c:v>39</c:v>
                </c:pt>
                <c:pt idx="184">
                  <c:v>39.1</c:v>
                </c:pt>
                <c:pt idx="185">
                  <c:v>39.299999999999997</c:v>
                </c:pt>
                <c:pt idx="186">
                  <c:v>39.4</c:v>
                </c:pt>
                <c:pt idx="187">
                  <c:v>39.5</c:v>
                </c:pt>
                <c:pt idx="188">
                  <c:v>39.6</c:v>
                </c:pt>
                <c:pt idx="189">
                  <c:v>39.700000000000003</c:v>
                </c:pt>
                <c:pt idx="190">
                  <c:v>39.799999999999997</c:v>
                </c:pt>
                <c:pt idx="191">
                  <c:v>39.9</c:v>
                </c:pt>
                <c:pt idx="192">
                  <c:v>40</c:v>
                </c:pt>
                <c:pt idx="193">
                  <c:v>40.1</c:v>
                </c:pt>
                <c:pt idx="194">
                  <c:v>40.200000000000003</c:v>
                </c:pt>
                <c:pt idx="195">
                  <c:v>40.200000000000003</c:v>
                </c:pt>
                <c:pt idx="196">
                  <c:v>40.299999999999997</c:v>
                </c:pt>
                <c:pt idx="197">
                  <c:v>40.4</c:v>
                </c:pt>
                <c:pt idx="198">
                  <c:v>40.5</c:v>
                </c:pt>
                <c:pt idx="199">
                  <c:v>40.6</c:v>
                </c:pt>
                <c:pt idx="200">
                  <c:v>40.6</c:v>
                </c:pt>
                <c:pt idx="201">
                  <c:v>40.700000000000003</c:v>
                </c:pt>
                <c:pt idx="202">
                  <c:v>40.700000000000003</c:v>
                </c:pt>
                <c:pt idx="203">
                  <c:v>40.799999999999997</c:v>
                </c:pt>
                <c:pt idx="204">
                  <c:v>40.9</c:v>
                </c:pt>
                <c:pt idx="205">
                  <c:v>41</c:v>
                </c:pt>
                <c:pt idx="206">
                  <c:v>41.1</c:v>
                </c:pt>
                <c:pt idx="207">
                  <c:v>41.2</c:v>
                </c:pt>
                <c:pt idx="208">
                  <c:v>41.3</c:v>
                </c:pt>
                <c:pt idx="209">
                  <c:v>41.4</c:v>
                </c:pt>
                <c:pt idx="210">
                  <c:v>41.5</c:v>
                </c:pt>
                <c:pt idx="211">
                  <c:v>41.6</c:v>
                </c:pt>
                <c:pt idx="212">
                  <c:v>41.6</c:v>
                </c:pt>
                <c:pt idx="213">
                  <c:v>41.7</c:v>
                </c:pt>
                <c:pt idx="214">
                  <c:v>41.7</c:v>
                </c:pt>
                <c:pt idx="215">
                  <c:v>41.7</c:v>
                </c:pt>
                <c:pt idx="216">
                  <c:v>41.8</c:v>
                </c:pt>
                <c:pt idx="217">
                  <c:v>41.8</c:v>
                </c:pt>
                <c:pt idx="218">
                  <c:v>41.9</c:v>
                </c:pt>
                <c:pt idx="219">
                  <c:v>42</c:v>
                </c:pt>
                <c:pt idx="220">
                  <c:v>42.2</c:v>
                </c:pt>
                <c:pt idx="221">
                  <c:v>42.3</c:v>
                </c:pt>
                <c:pt idx="222">
                  <c:v>42.5</c:v>
                </c:pt>
                <c:pt idx="223">
                  <c:v>42.7</c:v>
                </c:pt>
                <c:pt idx="224">
                  <c:v>42.9</c:v>
                </c:pt>
                <c:pt idx="225">
                  <c:v>43.1</c:v>
                </c:pt>
                <c:pt idx="226">
                  <c:v>43.2</c:v>
                </c:pt>
                <c:pt idx="227">
                  <c:v>43.4</c:v>
                </c:pt>
                <c:pt idx="228">
                  <c:v>43.5</c:v>
                </c:pt>
                <c:pt idx="229">
                  <c:v>43.6</c:v>
                </c:pt>
                <c:pt idx="230">
                  <c:v>43.7</c:v>
                </c:pt>
                <c:pt idx="231">
                  <c:v>43.7</c:v>
                </c:pt>
                <c:pt idx="232">
                  <c:v>43.8</c:v>
                </c:pt>
                <c:pt idx="233">
                  <c:v>43.9</c:v>
                </c:pt>
                <c:pt idx="234">
                  <c:v>44</c:v>
                </c:pt>
                <c:pt idx="235">
                  <c:v>44</c:v>
                </c:pt>
                <c:pt idx="236">
                  <c:v>44.1</c:v>
                </c:pt>
                <c:pt idx="237">
                  <c:v>44.2</c:v>
                </c:pt>
                <c:pt idx="238">
                  <c:v>44.3</c:v>
                </c:pt>
                <c:pt idx="239">
                  <c:v>44.4</c:v>
                </c:pt>
                <c:pt idx="240">
                  <c:v>44.4</c:v>
                </c:pt>
                <c:pt idx="241">
                  <c:v>44.5</c:v>
                </c:pt>
                <c:pt idx="242">
                  <c:v>44.6</c:v>
                </c:pt>
                <c:pt idx="243">
                  <c:v>44.6</c:v>
                </c:pt>
                <c:pt idx="244">
                  <c:v>44.7</c:v>
                </c:pt>
                <c:pt idx="245">
                  <c:v>44.7</c:v>
                </c:pt>
                <c:pt idx="246">
                  <c:v>44.7</c:v>
                </c:pt>
                <c:pt idx="247">
                  <c:v>44.8</c:v>
                </c:pt>
                <c:pt idx="248">
                  <c:v>44.8</c:v>
                </c:pt>
                <c:pt idx="249">
                  <c:v>44.9</c:v>
                </c:pt>
                <c:pt idx="250">
                  <c:v>44.9</c:v>
                </c:pt>
                <c:pt idx="251">
                  <c:v>45</c:v>
                </c:pt>
                <c:pt idx="252">
                  <c:v>45.1</c:v>
                </c:pt>
                <c:pt idx="253">
                  <c:v>45.1</c:v>
                </c:pt>
                <c:pt idx="254">
                  <c:v>45.2</c:v>
                </c:pt>
                <c:pt idx="255">
                  <c:v>45.2</c:v>
                </c:pt>
                <c:pt idx="256">
                  <c:v>45.3</c:v>
                </c:pt>
                <c:pt idx="257">
                  <c:v>45.3</c:v>
                </c:pt>
                <c:pt idx="258">
                  <c:v>45.4</c:v>
                </c:pt>
                <c:pt idx="259">
                  <c:v>45.4</c:v>
                </c:pt>
                <c:pt idx="260">
                  <c:v>45.5</c:v>
                </c:pt>
                <c:pt idx="261">
                  <c:v>45.6</c:v>
                </c:pt>
                <c:pt idx="262">
                  <c:v>45.7</c:v>
                </c:pt>
                <c:pt idx="263">
                  <c:v>45.8</c:v>
                </c:pt>
                <c:pt idx="264">
                  <c:v>45.9</c:v>
                </c:pt>
                <c:pt idx="265">
                  <c:v>46</c:v>
                </c:pt>
                <c:pt idx="266">
                  <c:v>46.1</c:v>
                </c:pt>
                <c:pt idx="267">
                  <c:v>46.1</c:v>
                </c:pt>
                <c:pt idx="268">
                  <c:v>46.2</c:v>
                </c:pt>
                <c:pt idx="269">
                  <c:v>46.3</c:v>
                </c:pt>
                <c:pt idx="270">
                  <c:v>46.4</c:v>
                </c:pt>
                <c:pt idx="271">
                  <c:v>46.5</c:v>
                </c:pt>
                <c:pt idx="272">
                  <c:v>46.6</c:v>
                </c:pt>
                <c:pt idx="273">
                  <c:v>46.7</c:v>
                </c:pt>
                <c:pt idx="274">
                  <c:v>46.8</c:v>
                </c:pt>
                <c:pt idx="275">
                  <c:v>46.9</c:v>
                </c:pt>
                <c:pt idx="276">
                  <c:v>47</c:v>
                </c:pt>
                <c:pt idx="277">
                  <c:v>47</c:v>
                </c:pt>
                <c:pt idx="278">
                  <c:v>47.1</c:v>
                </c:pt>
                <c:pt idx="279">
                  <c:v>47.1</c:v>
                </c:pt>
                <c:pt idx="280">
                  <c:v>47.2</c:v>
                </c:pt>
                <c:pt idx="281">
                  <c:v>47.2</c:v>
                </c:pt>
                <c:pt idx="282">
                  <c:v>47.2</c:v>
                </c:pt>
                <c:pt idx="283">
                  <c:v>47.2</c:v>
                </c:pt>
                <c:pt idx="284">
                  <c:v>47.3</c:v>
                </c:pt>
                <c:pt idx="285">
                  <c:v>47.4</c:v>
                </c:pt>
                <c:pt idx="286">
                  <c:v>47.5</c:v>
                </c:pt>
                <c:pt idx="287">
                  <c:v>47.6</c:v>
                </c:pt>
                <c:pt idx="288">
                  <c:v>47.6</c:v>
                </c:pt>
                <c:pt idx="289">
                  <c:v>47.7</c:v>
                </c:pt>
                <c:pt idx="290">
                  <c:v>47.7</c:v>
                </c:pt>
                <c:pt idx="291">
                  <c:v>47.7</c:v>
                </c:pt>
                <c:pt idx="292">
                  <c:v>47.8</c:v>
                </c:pt>
                <c:pt idx="293">
                  <c:v>47.8</c:v>
                </c:pt>
                <c:pt idx="294">
                  <c:v>47.8</c:v>
                </c:pt>
                <c:pt idx="295">
                  <c:v>47.9</c:v>
                </c:pt>
                <c:pt idx="296">
                  <c:v>48</c:v>
                </c:pt>
                <c:pt idx="297">
                  <c:v>48.1</c:v>
                </c:pt>
                <c:pt idx="298">
                  <c:v>48.1</c:v>
                </c:pt>
                <c:pt idx="299">
                  <c:v>48.2</c:v>
                </c:pt>
                <c:pt idx="300">
                  <c:v>48.3</c:v>
                </c:pt>
                <c:pt idx="301">
                  <c:v>48.3</c:v>
                </c:pt>
                <c:pt idx="302">
                  <c:v>48.4</c:v>
                </c:pt>
                <c:pt idx="303">
                  <c:v>48.4</c:v>
                </c:pt>
                <c:pt idx="304">
                  <c:v>48.4</c:v>
                </c:pt>
                <c:pt idx="305">
                  <c:v>48.5</c:v>
                </c:pt>
                <c:pt idx="306">
                  <c:v>48.5</c:v>
                </c:pt>
                <c:pt idx="307">
                  <c:v>48.5</c:v>
                </c:pt>
                <c:pt idx="308">
                  <c:v>48.5</c:v>
                </c:pt>
                <c:pt idx="309">
                  <c:v>48.5</c:v>
                </c:pt>
                <c:pt idx="310">
                  <c:v>48.5</c:v>
                </c:pt>
                <c:pt idx="311">
                  <c:v>48.5</c:v>
                </c:pt>
                <c:pt idx="312">
                  <c:v>48.5</c:v>
                </c:pt>
                <c:pt idx="313">
                  <c:v>48.5</c:v>
                </c:pt>
                <c:pt idx="314">
                  <c:v>48.5</c:v>
                </c:pt>
                <c:pt idx="315">
                  <c:v>48.5</c:v>
                </c:pt>
                <c:pt idx="316">
                  <c:v>48.5</c:v>
                </c:pt>
                <c:pt idx="317">
                  <c:v>48.5</c:v>
                </c:pt>
                <c:pt idx="318">
                  <c:v>48.5</c:v>
                </c:pt>
                <c:pt idx="319">
                  <c:v>48.5</c:v>
                </c:pt>
                <c:pt idx="320">
                  <c:v>48.5</c:v>
                </c:pt>
                <c:pt idx="321">
                  <c:v>48.6</c:v>
                </c:pt>
                <c:pt idx="322">
                  <c:v>48.6</c:v>
                </c:pt>
                <c:pt idx="323">
                  <c:v>48.7</c:v>
                </c:pt>
                <c:pt idx="324">
                  <c:v>48.8</c:v>
                </c:pt>
                <c:pt idx="325">
                  <c:v>48.8</c:v>
                </c:pt>
                <c:pt idx="326">
                  <c:v>48.9</c:v>
                </c:pt>
                <c:pt idx="327">
                  <c:v>48.9</c:v>
                </c:pt>
                <c:pt idx="328">
                  <c:v>48.9</c:v>
                </c:pt>
                <c:pt idx="329">
                  <c:v>49</c:v>
                </c:pt>
                <c:pt idx="330">
                  <c:v>49</c:v>
                </c:pt>
                <c:pt idx="331">
                  <c:v>49.1</c:v>
                </c:pt>
                <c:pt idx="332">
                  <c:v>49.2</c:v>
                </c:pt>
                <c:pt idx="333">
                  <c:v>49.3</c:v>
                </c:pt>
                <c:pt idx="334">
                  <c:v>49.4</c:v>
                </c:pt>
                <c:pt idx="335">
                  <c:v>49.5</c:v>
                </c:pt>
                <c:pt idx="336">
                  <c:v>49.6</c:v>
                </c:pt>
                <c:pt idx="337">
                  <c:v>49.7</c:v>
                </c:pt>
                <c:pt idx="338">
                  <c:v>49.8</c:v>
                </c:pt>
                <c:pt idx="339">
                  <c:v>50</c:v>
                </c:pt>
                <c:pt idx="340">
                  <c:v>50.1</c:v>
                </c:pt>
                <c:pt idx="341">
                  <c:v>50.3</c:v>
                </c:pt>
                <c:pt idx="342">
                  <c:v>50.5</c:v>
                </c:pt>
                <c:pt idx="343">
                  <c:v>50.7</c:v>
                </c:pt>
                <c:pt idx="344">
                  <c:v>50.9</c:v>
                </c:pt>
                <c:pt idx="345">
                  <c:v>51.1</c:v>
                </c:pt>
                <c:pt idx="346">
                  <c:v>51.2</c:v>
                </c:pt>
                <c:pt idx="347">
                  <c:v>51.3</c:v>
                </c:pt>
                <c:pt idx="348">
                  <c:v>51.5</c:v>
                </c:pt>
                <c:pt idx="349">
                  <c:v>51.6</c:v>
                </c:pt>
                <c:pt idx="350">
                  <c:v>51.8</c:v>
                </c:pt>
                <c:pt idx="351">
                  <c:v>51.9</c:v>
                </c:pt>
                <c:pt idx="352">
                  <c:v>52</c:v>
                </c:pt>
                <c:pt idx="353">
                  <c:v>52.1</c:v>
                </c:pt>
                <c:pt idx="354">
                  <c:v>52.2</c:v>
                </c:pt>
                <c:pt idx="355">
                  <c:v>52.2</c:v>
                </c:pt>
                <c:pt idx="356">
                  <c:v>52.2</c:v>
                </c:pt>
                <c:pt idx="357">
                  <c:v>52.3</c:v>
                </c:pt>
                <c:pt idx="358">
                  <c:v>52.3</c:v>
                </c:pt>
                <c:pt idx="359">
                  <c:v>52.4</c:v>
                </c:pt>
                <c:pt idx="360">
                  <c:v>52.4</c:v>
                </c:pt>
                <c:pt idx="361">
                  <c:v>52.5</c:v>
                </c:pt>
                <c:pt idx="362">
                  <c:v>52.5</c:v>
                </c:pt>
                <c:pt idx="363">
                  <c:v>52.6</c:v>
                </c:pt>
                <c:pt idx="364">
                  <c:v>52.6</c:v>
                </c:pt>
                <c:pt idx="365">
                  <c:v>52.7</c:v>
                </c:pt>
                <c:pt idx="366">
                  <c:v>52.8</c:v>
                </c:pt>
                <c:pt idx="367">
                  <c:v>52.8</c:v>
                </c:pt>
                <c:pt idx="368">
                  <c:v>52.8</c:v>
                </c:pt>
                <c:pt idx="369">
                  <c:v>52.9</c:v>
                </c:pt>
                <c:pt idx="370">
                  <c:v>52.9</c:v>
                </c:pt>
                <c:pt idx="371">
                  <c:v>52.9</c:v>
                </c:pt>
                <c:pt idx="372">
                  <c:v>52.9</c:v>
                </c:pt>
                <c:pt idx="373">
                  <c:v>53</c:v>
                </c:pt>
                <c:pt idx="374">
                  <c:v>53</c:v>
                </c:pt>
                <c:pt idx="375">
                  <c:v>53.1</c:v>
                </c:pt>
                <c:pt idx="376">
                  <c:v>53.1</c:v>
                </c:pt>
                <c:pt idx="377">
                  <c:v>53.1</c:v>
                </c:pt>
                <c:pt idx="378">
                  <c:v>53.2</c:v>
                </c:pt>
                <c:pt idx="379">
                  <c:v>53.2</c:v>
                </c:pt>
                <c:pt idx="380">
                  <c:v>53.2</c:v>
                </c:pt>
                <c:pt idx="381">
                  <c:v>53.3</c:v>
                </c:pt>
                <c:pt idx="382">
                  <c:v>53.4</c:v>
                </c:pt>
                <c:pt idx="383">
                  <c:v>53.4</c:v>
                </c:pt>
                <c:pt idx="384">
                  <c:v>53.5</c:v>
                </c:pt>
                <c:pt idx="385">
                  <c:v>53.6</c:v>
                </c:pt>
                <c:pt idx="386">
                  <c:v>53.6</c:v>
                </c:pt>
                <c:pt idx="387">
                  <c:v>53.7</c:v>
                </c:pt>
                <c:pt idx="388">
                  <c:v>53.7</c:v>
                </c:pt>
                <c:pt idx="389">
                  <c:v>53.7</c:v>
                </c:pt>
                <c:pt idx="390">
                  <c:v>53.7</c:v>
                </c:pt>
                <c:pt idx="391">
                  <c:v>53.7</c:v>
                </c:pt>
                <c:pt idx="392">
                  <c:v>53.8</c:v>
                </c:pt>
                <c:pt idx="393">
                  <c:v>53.8</c:v>
                </c:pt>
                <c:pt idx="394">
                  <c:v>53.9</c:v>
                </c:pt>
                <c:pt idx="395">
                  <c:v>53.9</c:v>
                </c:pt>
                <c:pt idx="396">
                  <c:v>53.9</c:v>
                </c:pt>
                <c:pt idx="397">
                  <c:v>54</c:v>
                </c:pt>
                <c:pt idx="398">
                  <c:v>54.1</c:v>
                </c:pt>
                <c:pt idx="399">
                  <c:v>54.1</c:v>
                </c:pt>
                <c:pt idx="400">
                  <c:v>54.2</c:v>
                </c:pt>
                <c:pt idx="401">
                  <c:v>54.2</c:v>
                </c:pt>
                <c:pt idx="402">
                  <c:v>54.3</c:v>
                </c:pt>
                <c:pt idx="403">
                  <c:v>54.3</c:v>
                </c:pt>
                <c:pt idx="404">
                  <c:v>54.4</c:v>
                </c:pt>
                <c:pt idx="405">
                  <c:v>54.4</c:v>
                </c:pt>
                <c:pt idx="406">
                  <c:v>54.4</c:v>
                </c:pt>
                <c:pt idx="407">
                  <c:v>54.5</c:v>
                </c:pt>
                <c:pt idx="408">
                  <c:v>54.6</c:v>
                </c:pt>
                <c:pt idx="409">
                  <c:v>54.6</c:v>
                </c:pt>
                <c:pt idx="410">
                  <c:v>54.7</c:v>
                </c:pt>
                <c:pt idx="411">
                  <c:v>54.7</c:v>
                </c:pt>
                <c:pt idx="412">
                  <c:v>54.7</c:v>
                </c:pt>
                <c:pt idx="413">
                  <c:v>54.7</c:v>
                </c:pt>
                <c:pt idx="414">
                  <c:v>54.7</c:v>
                </c:pt>
                <c:pt idx="415">
                  <c:v>54.6</c:v>
                </c:pt>
                <c:pt idx="416">
                  <c:v>54.6</c:v>
                </c:pt>
                <c:pt idx="417">
                  <c:v>54.6</c:v>
                </c:pt>
                <c:pt idx="418">
                  <c:v>54.7</c:v>
                </c:pt>
                <c:pt idx="419">
                  <c:v>54.7</c:v>
                </c:pt>
                <c:pt idx="420">
                  <c:v>54.8</c:v>
                </c:pt>
                <c:pt idx="421">
                  <c:v>54.9</c:v>
                </c:pt>
                <c:pt idx="422">
                  <c:v>55</c:v>
                </c:pt>
                <c:pt idx="423">
                  <c:v>55.1</c:v>
                </c:pt>
                <c:pt idx="424">
                  <c:v>55.2</c:v>
                </c:pt>
                <c:pt idx="425">
                  <c:v>55.3</c:v>
                </c:pt>
                <c:pt idx="426">
                  <c:v>55.4</c:v>
                </c:pt>
                <c:pt idx="427">
                  <c:v>55.5</c:v>
                </c:pt>
                <c:pt idx="428">
                  <c:v>55.5</c:v>
                </c:pt>
                <c:pt idx="429">
                  <c:v>55.6</c:v>
                </c:pt>
                <c:pt idx="430">
                  <c:v>55.7</c:v>
                </c:pt>
                <c:pt idx="431">
                  <c:v>55.9</c:v>
                </c:pt>
                <c:pt idx="432">
                  <c:v>56</c:v>
                </c:pt>
                <c:pt idx="433">
                  <c:v>56.2</c:v>
                </c:pt>
                <c:pt idx="434">
                  <c:v>56.4</c:v>
                </c:pt>
                <c:pt idx="435">
                  <c:v>56.6</c:v>
                </c:pt>
                <c:pt idx="436">
                  <c:v>56.7</c:v>
                </c:pt>
                <c:pt idx="437">
                  <c:v>56.8</c:v>
                </c:pt>
                <c:pt idx="438">
                  <c:v>56.9</c:v>
                </c:pt>
                <c:pt idx="439">
                  <c:v>57</c:v>
                </c:pt>
                <c:pt idx="440">
                  <c:v>57</c:v>
                </c:pt>
                <c:pt idx="441">
                  <c:v>57</c:v>
                </c:pt>
                <c:pt idx="442">
                  <c:v>57</c:v>
                </c:pt>
                <c:pt idx="443">
                  <c:v>57</c:v>
                </c:pt>
                <c:pt idx="444">
                  <c:v>57</c:v>
                </c:pt>
                <c:pt idx="445">
                  <c:v>57</c:v>
                </c:pt>
                <c:pt idx="446">
                  <c:v>57.1</c:v>
                </c:pt>
                <c:pt idx="447">
                  <c:v>57.1</c:v>
                </c:pt>
                <c:pt idx="448">
                  <c:v>57.1</c:v>
                </c:pt>
                <c:pt idx="449">
                  <c:v>57.1</c:v>
                </c:pt>
                <c:pt idx="450">
                  <c:v>57.2</c:v>
                </c:pt>
                <c:pt idx="451">
                  <c:v>57.3</c:v>
                </c:pt>
                <c:pt idx="452">
                  <c:v>57.3</c:v>
                </c:pt>
                <c:pt idx="453">
                  <c:v>57.5</c:v>
                </c:pt>
                <c:pt idx="454">
                  <c:v>57.6</c:v>
                </c:pt>
                <c:pt idx="455">
                  <c:v>57.7</c:v>
                </c:pt>
                <c:pt idx="456">
                  <c:v>57.8</c:v>
                </c:pt>
                <c:pt idx="457">
                  <c:v>58</c:v>
                </c:pt>
                <c:pt idx="458">
                  <c:v>58.1</c:v>
                </c:pt>
                <c:pt idx="459">
                  <c:v>58.2</c:v>
                </c:pt>
                <c:pt idx="460">
                  <c:v>58.3</c:v>
                </c:pt>
                <c:pt idx="461">
                  <c:v>58.3</c:v>
                </c:pt>
                <c:pt idx="462">
                  <c:v>58.4</c:v>
                </c:pt>
                <c:pt idx="463">
                  <c:v>58.4</c:v>
                </c:pt>
                <c:pt idx="464">
                  <c:v>58.5</c:v>
                </c:pt>
                <c:pt idx="465">
                  <c:v>58.5</c:v>
                </c:pt>
                <c:pt idx="466">
                  <c:v>58.5</c:v>
                </c:pt>
                <c:pt idx="467">
                  <c:v>58.6</c:v>
                </c:pt>
                <c:pt idx="468">
                  <c:v>58.6</c:v>
                </c:pt>
                <c:pt idx="469">
                  <c:v>58.7</c:v>
                </c:pt>
                <c:pt idx="470">
                  <c:v>58.7</c:v>
                </c:pt>
                <c:pt idx="471">
                  <c:v>58.7</c:v>
                </c:pt>
                <c:pt idx="472">
                  <c:v>58.7</c:v>
                </c:pt>
                <c:pt idx="473">
                  <c:v>58.8</c:v>
                </c:pt>
                <c:pt idx="474">
                  <c:v>58.8</c:v>
                </c:pt>
                <c:pt idx="475">
                  <c:v>58.8</c:v>
                </c:pt>
                <c:pt idx="476">
                  <c:v>58.8</c:v>
                </c:pt>
                <c:pt idx="477">
                  <c:v>58.8</c:v>
                </c:pt>
                <c:pt idx="478">
                  <c:v>58.8</c:v>
                </c:pt>
                <c:pt idx="479">
                  <c:v>58.8</c:v>
                </c:pt>
                <c:pt idx="480">
                  <c:v>58.9</c:v>
                </c:pt>
                <c:pt idx="481">
                  <c:v>58.9</c:v>
                </c:pt>
                <c:pt idx="482">
                  <c:v>59</c:v>
                </c:pt>
                <c:pt idx="483">
                  <c:v>59</c:v>
                </c:pt>
                <c:pt idx="484">
                  <c:v>59</c:v>
                </c:pt>
                <c:pt idx="485">
                  <c:v>59.1</c:v>
                </c:pt>
                <c:pt idx="486">
                  <c:v>59.1</c:v>
                </c:pt>
                <c:pt idx="487">
                  <c:v>59.1</c:v>
                </c:pt>
                <c:pt idx="488">
                  <c:v>59.2</c:v>
                </c:pt>
                <c:pt idx="489">
                  <c:v>59.3</c:v>
                </c:pt>
                <c:pt idx="490">
                  <c:v>59.3</c:v>
                </c:pt>
                <c:pt idx="491">
                  <c:v>59.4</c:v>
                </c:pt>
                <c:pt idx="492">
                  <c:v>59.5</c:v>
                </c:pt>
                <c:pt idx="493">
                  <c:v>59.5</c:v>
                </c:pt>
                <c:pt idx="494">
                  <c:v>59.5</c:v>
                </c:pt>
                <c:pt idx="495">
                  <c:v>59.6</c:v>
                </c:pt>
                <c:pt idx="496">
                  <c:v>59.6</c:v>
                </c:pt>
                <c:pt idx="497">
                  <c:v>59.6</c:v>
                </c:pt>
                <c:pt idx="498">
                  <c:v>59.7</c:v>
                </c:pt>
                <c:pt idx="499">
                  <c:v>59.7</c:v>
                </c:pt>
                <c:pt idx="500">
                  <c:v>59.8</c:v>
                </c:pt>
                <c:pt idx="501">
                  <c:v>59.8</c:v>
                </c:pt>
                <c:pt idx="502">
                  <c:v>59.8</c:v>
                </c:pt>
                <c:pt idx="503">
                  <c:v>59.9</c:v>
                </c:pt>
                <c:pt idx="504">
                  <c:v>59.9</c:v>
                </c:pt>
                <c:pt idx="505">
                  <c:v>59.9</c:v>
                </c:pt>
                <c:pt idx="506">
                  <c:v>60</c:v>
                </c:pt>
                <c:pt idx="507">
                  <c:v>60</c:v>
                </c:pt>
                <c:pt idx="508">
                  <c:v>60.1</c:v>
                </c:pt>
                <c:pt idx="509">
                  <c:v>60.2</c:v>
                </c:pt>
                <c:pt idx="510">
                  <c:v>60.2</c:v>
                </c:pt>
                <c:pt idx="511">
                  <c:v>60.2</c:v>
                </c:pt>
                <c:pt idx="512">
                  <c:v>60.2</c:v>
                </c:pt>
                <c:pt idx="513">
                  <c:v>60.3</c:v>
                </c:pt>
                <c:pt idx="514">
                  <c:v>60.3</c:v>
                </c:pt>
                <c:pt idx="515">
                  <c:v>60.4</c:v>
                </c:pt>
                <c:pt idx="516">
                  <c:v>60.4</c:v>
                </c:pt>
                <c:pt idx="517">
                  <c:v>60.5</c:v>
                </c:pt>
                <c:pt idx="518">
                  <c:v>60.6</c:v>
                </c:pt>
                <c:pt idx="519">
                  <c:v>60.8</c:v>
                </c:pt>
                <c:pt idx="520">
                  <c:v>60.9</c:v>
                </c:pt>
                <c:pt idx="521">
                  <c:v>61</c:v>
                </c:pt>
                <c:pt idx="522">
                  <c:v>61</c:v>
                </c:pt>
                <c:pt idx="523">
                  <c:v>61.1</c:v>
                </c:pt>
                <c:pt idx="524">
                  <c:v>61.1</c:v>
                </c:pt>
                <c:pt idx="525">
                  <c:v>61.1</c:v>
                </c:pt>
                <c:pt idx="526">
                  <c:v>61.1</c:v>
                </c:pt>
                <c:pt idx="527">
                  <c:v>61.1</c:v>
                </c:pt>
                <c:pt idx="528">
                  <c:v>61</c:v>
                </c:pt>
                <c:pt idx="529">
                  <c:v>61</c:v>
                </c:pt>
                <c:pt idx="530">
                  <c:v>61</c:v>
                </c:pt>
                <c:pt idx="531">
                  <c:v>61</c:v>
                </c:pt>
                <c:pt idx="532">
                  <c:v>61</c:v>
                </c:pt>
                <c:pt idx="533">
                  <c:v>61.1</c:v>
                </c:pt>
                <c:pt idx="534">
                  <c:v>61.1</c:v>
                </c:pt>
                <c:pt idx="535">
                  <c:v>61.1</c:v>
                </c:pt>
                <c:pt idx="536">
                  <c:v>61</c:v>
                </c:pt>
                <c:pt idx="537">
                  <c:v>61</c:v>
                </c:pt>
                <c:pt idx="538">
                  <c:v>61</c:v>
                </c:pt>
                <c:pt idx="539">
                  <c:v>61</c:v>
                </c:pt>
                <c:pt idx="540">
                  <c:v>61</c:v>
                </c:pt>
                <c:pt idx="541">
                  <c:v>61</c:v>
                </c:pt>
                <c:pt idx="542">
                  <c:v>61.1</c:v>
                </c:pt>
                <c:pt idx="543">
                  <c:v>61.2</c:v>
                </c:pt>
                <c:pt idx="544">
                  <c:v>61.3</c:v>
                </c:pt>
                <c:pt idx="545">
                  <c:v>61.4</c:v>
                </c:pt>
                <c:pt idx="546">
                  <c:v>61.5</c:v>
                </c:pt>
                <c:pt idx="547">
                  <c:v>61.6</c:v>
                </c:pt>
                <c:pt idx="548">
                  <c:v>61.6</c:v>
                </c:pt>
                <c:pt idx="549">
                  <c:v>61.6</c:v>
                </c:pt>
                <c:pt idx="550">
                  <c:v>61.6</c:v>
                </c:pt>
                <c:pt idx="551">
                  <c:v>61.6</c:v>
                </c:pt>
                <c:pt idx="552">
                  <c:v>61.6</c:v>
                </c:pt>
                <c:pt idx="553">
                  <c:v>61.7</c:v>
                </c:pt>
                <c:pt idx="554">
                  <c:v>61.8</c:v>
                </c:pt>
                <c:pt idx="555">
                  <c:v>61.9</c:v>
                </c:pt>
                <c:pt idx="556">
                  <c:v>62</c:v>
                </c:pt>
                <c:pt idx="557">
                  <c:v>62.1</c:v>
                </c:pt>
                <c:pt idx="558">
                  <c:v>62.1</c:v>
                </c:pt>
                <c:pt idx="559">
                  <c:v>62.2</c:v>
                </c:pt>
                <c:pt idx="560">
                  <c:v>62.2</c:v>
                </c:pt>
                <c:pt idx="561">
                  <c:v>62.2</c:v>
                </c:pt>
                <c:pt idx="562">
                  <c:v>62.2</c:v>
                </c:pt>
                <c:pt idx="563">
                  <c:v>62.2</c:v>
                </c:pt>
                <c:pt idx="564">
                  <c:v>62.1</c:v>
                </c:pt>
                <c:pt idx="565">
                  <c:v>62.1</c:v>
                </c:pt>
                <c:pt idx="566">
                  <c:v>62</c:v>
                </c:pt>
                <c:pt idx="567">
                  <c:v>61.9</c:v>
                </c:pt>
                <c:pt idx="568">
                  <c:v>61.9</c:v>
                </c:pt>
                <c:pt idx="569">
                  <c:v>61.8</c:v>
                </c:pt>
                <c:pt idx="570">
                  <c:v>61.8</c:v>
                </c:pt>
                <c:pt idx="571">
                  <c:v>61.8</c:v>
                </c:pt>
                <c:pt idx="572">
                  <c:v>61.9</c:v>
                </c:pt>
                <c:pt idx="573">
                  <c:v>61.9</c:v>
                </c:pt>
                <c:pt idx="574">
                  <c:v>62</c:v>
                </c:pt>
                <c:pt idx="575">
                  <c:v>62</c:v>
                </c:pt>
                <c:pt idx="576">
                  <c:v>62</c:v>
                </c:pt>
                <c:pt idx="577">
                  <c:v>62</c:v>
                </c:pt>
                <c:pt idx="578">
                  <c:v>62</c:v>
                </c:pt>
                <c:pt idx="579">
                  <c:v>62.1</c:v>
                </c:pt>
                <c:pt idx="580">
                  <c:v>62.1</c:v>
                </c:pt>
                <c:pt idx="581">
                  <c:v>62.2</c:v>
                </c:pt>
                <c:pt idx="582">
                  <c:v>62.3</c:v>
                </c:pt>
                <c:pt idx="583">
                  <c:v>62.3</c:v>
                </c:pt>
                <c:pt idx="584">
                  <c:v>62.4</c:v>
                </c:pt>
                <c:pt idx="585">
                  <c:v>62.5</c:v>
                </c:pt>
                <c:pt idx="586">
                  <c:v>62.6</c:v>
                </c:pt>
                <c:pt idx="587">
                  <c:v>62.7</c:v>
                </c:pt>
                <c:pt idx="588">
                  <c:v>62.7</c:v>
                </c:pt>
                <c:pt idx="589">
                  <c:v>62.8</c:v>
                </c:pt>
                <c:pt idx="590">
                  <c:v>62.9</c:v>
                </c:pt>
                <c:pt idx="591">
                  <c:v>63</c:v>
                </c:pt>
                <c:pt idx="592">
                  <c:v>63</c:v>
                </c:pt>
                <c:pt idx="593">
                  <c:v>63.1</c:v>
                </c:pt>
                <c:pt idx="594">
                  <c:v>63.2</c:v>
                </c:pt>
                <c:pt idx="595">
                  <c:v>63.2</c:v>
                </c:pt>
                <c:pt idx="596">
                  <c:v>63.2</c:v>
                </c:pt>
                <c:pt idx="597">
                  <c:v>63.2</c:v>
                </c:pt>
                <c:pt idx="598">
                  <c:v>63.3</c:v>
                </c:pt>
                <c:pt idx="599">
                  <c:v>63.3</c:v>
                </c:pt>
                <c:pt idx="600">
                  <c:v>63.3</c:v>
                </c:pt>
                <c:pt idx="601">
                  <c:v>63.3</c:v>
                </c:pt>
                <c:pt idx="602">
                  <c:v>63.3</c:v>
                </c:pt>
                <c:pt idx="603">
                  <c:v>63.3</c:v>
                </c:pt>
                <c:pt idx="604">
                  <c:v>63.3</c:v>
                </c:pt>
                <c:pt idx="605">
                  <c:v>63.3</c:v>
                </c:pt>
                <c:pt idx="606">
                  <c:v>63.4</c:v>
                </c:pt>
                <c:pt idx="607">
                  <c:v>63.4</c:v>
                </c:pt>
                <c:pt idx="608">
                  <c:v>63.5</c:v>
                </c:pt>
                <c:pt idx="609">
                  <c:v>63.6</c:v>
                </c:pt>
                <c:pt idx="610">
                  <c:v>63.7</c:v>
                </c:pt>
                <c:pt idx="611">
                  <c:v>63.8</c:v>
                </c:pt>
                <c:pt idx="612">
                  <c:v>63.9</c:v>
                </c:pt>
                <c:pt idx="613">
                  <c:v>63.9</c:v>
                </c:pt>
                <c:pt idx="614">
                  <c:v>64</c:v>
                </c:pt>
                <c:pt idx="615">
                  <c:v>64</c:v>
                </c:pt>
                <c:pt idx="616">
                  <c:v>63.9</c:v>
                </c:pt>
                <c:pt idx="617">
                  <c:v>63.9</c:v>
                </c:pt>
                <c:pt idx="618">
                  <c:v>64</c:v>
                </c:pt>
                <c:pt idx="619">
                  <c:v>64</c:v>
                </c:pt>
                <c:pt idx="620">
                  <c:v>64</c:v>
                </c:pt>
                <c:pt idx="621">
                  <c:v>64.099999999999994</c:v>
                </c:pt>
                <c:pt idx="622">
                  <c:v>64.099999999999994</c:v>
                </c:pt>
                <c:pt idx="623">
                  <c:v>64.2</c:v>
                </c:pt>
                <c:pt idx="624">
                  <c:v>64.2</c:v>
                </c:pt>
                <c:pt idx="625">
                  <c:v>64.2</c:v>
                </c:pt>
                <c:pt idx="626">
                  <c:v>64.2</c:v>
                </c:pt>
                <c:pt idx="627">
                  <c:v>64.099999999999994</c:v>
                </c:pt>
                <c:pt idx="628">
                  <c:v>64.099999999999994</c:v>
                </c:pt>
                <c:pt idx="629">
                  <c:v>64.099999999999994</c:v>
                </c:pt>
                <c:pt idx="630">
                  <c:v>64.099999999999994</c:v>
                </c:pt>
                <c:pt idx="631">
                  <c:v>64.099999999999994</c:v>
                </c:pt>
                <c:pt idx="632">
                  <c:v>64.2</c:v>
                </c:pt>
                <c:pt idx="633">
                  <c:v>64.2</c:v>
                </c:pt>
                <c:pt idx="634">
                  <c:v>64.2</c:v>
                </c:pt>
                <c:pt idx="635">
                  <c:v>64.2</c:v>
                </c:pt>
                <c:pt idx="636">
                  <c:v>64.2</c:v>
                </c:pt>
                <c:pt idx="637">
                  <c:v>64.3</c:v>
                </c:pt>
                <c:pt idx="638">
                  <c:v>64.400000000000006</c:v>
                </c:pt>
                <c:pt idx="639">
                  <c:v>64.400000000000006</c:v>
                </c:pt>
                <c:pt idx="640">
                  <c:v>64.5</c:v>
                </c:pt>
                <c:pt idx="641">
                  <c:v>64.599999999999994</c:v>
                </c:pt>
                <c:pt idx="642">
                  <c:v>64.7</c:v>
                </c:pt>
                <c:pt idx="643">
                  <c:v>64.7</c:v>
                </c:pt>
                <c:pt idx="644">
                  <c:v>64.8</c:v>
                </c:pt>
                <c:pt idx="645">
                  <c:v>64.8</c:v>
                </c:pt>
                <c:pt idx="646">
                  <c:v>64.900000000000006</c:v>
                </c:pt>
                <c:pt idx="647">
                  <c:v>64.900000000000006</c:v>
                </c:pt>
                <c:pt idx="648">
                  <c:v>65</c:v>
                </c:pt>
                <c:pt idx="649">
                  <c:v>65</c:v>
                </c:pt>
                <c:pt idx="650">
                  <c:v>65</c:v>
                </c:pt>
                <c:pt idx="651">
                  <c:v>65</c:v>
                </c:pt>
                <c:pt idx="652">
                  <c:v>65</c:v>
                </c:pt>
                <c:pt idx="653">
                  <c:v>65</c:v>
                </c:pt>
                <c:pt idx="654">
                  <c:v>65</c:v>
                </c:pt>
                <c:pt idx="655">
                  <c:v>65.099999999999994</c:v>
                </c:pt>
                <c:pt idx="656">
                  <c:v>65.099999999999994</c:v>
                </c:pt>
                <c:pt idx="657">
                  <c:v>65.099999999999994</c:v>
                </c:pt>
                <c:pt idx="658">
                  <c:v>65.099999999999994</c:v>
                </c:pt>
                <c:pt idx="659">
                  <c:v>65.2</c:v>
                </c:pt>
                <c:pt idx="660">
                  <c:v>65.2</c:v>
                </c:pt>
                <c:pt idx="661">
                  <c:v>65.2</c:v>
                </c:pt>
                <c:pt idx="662">
                  <c:v>65.2</c:v>
                </c:pt>
                <c:pt idx="663">
                  <c:v>65.2</c:v>
                </c:pt>
                <c:pt idx="664">
                  <c:v>65.2</c:v>
                </c:pt>
                <c:pt idx="665">
                  <c:v>65.2</c:v>
                </c:pt>
                <c:pt idx="666">
                  <c:v>65.2</c:v>
                </c:pt>
                <c:pt idx="667">
                  <c:v>65.3</c:v>
                </c:pt>
                <c:pt idx="668">
                  <c:v>65.3</c:v>
                </c:pt>
                <c:pt idx="669">
                  <c:v>65.400000000000006</c:v>
                </c:pt>
                <c:pt idx="670">
                  <c:v>65.5</c:v>
                </c:pt>
                <c:pt idx="671">
                  <c:v>65.599999999999994</c:v>
                </c:pt>
                <c:pt idx="672">
                  <c:v>65.599999999999994</c:v>
                </c:pt>
                <c:pt idx="673">
                  <c:v>65.7</c:v>
                </c:pt>
                <c:pt idx="674">
                  <c:v>65.7</c:v>
                </c:pt>
                <c:pt idx="675">
                  <c:v>65.7</c:v>
                </c:pt>
                <c:pt idx="676">
                  <c:v>65.8</c:v>
                </c:pt>
                <c:pt idx="677">
                  <c:v>65.8</c:v>
                </c:pt>
                <c:pt idx="678">
                  <c:v>65.8</c:v>
                </c:pt>
                <c:pt idx="679">
                  <c:v>65.900000000000006</c:v>
                </c:pt>
                <c:pt idx="680">
                  <c:v>65.900000000000006</c:v>
                </c:pt>
                <c:pt idx="681">
                  <c:v>65.900000000000006</c:v>
                </c:pt>
                <c:pt idx="682">
                  <c:v>66</c:v>
                </c:pt>
                <c:pt idx="683">
                  <c:v>66.099999999999994</c:v>
                </c:pt>
                <c:pt idx="684">
                  <c:v>66.2</c:v>
                </c:pt>
                <c:pt idx="685">
                  <c:v>66.2</c:v>
                </c:pt>
                <c:pt idx="686">
                  <c:v>66.3</c:v>
                </c:pt>
                <c:pt idx="687">
                  <c:v>66.3</c:v>
                </c:pt>
                <c:pt idx="688">
                  <c:v>66.3</c:v>
                </c:pt>
                <c:pt idx="689">
                  <c:v>66.3</c:v>
                </c:pt>
                <c:pt idx="690">
                  <c:v>66.3</c:v>
                </c:pt>
                <c:pt idx="691">
                  <c:v>66.2</c:v>
                </c:pt>
                <c:pt idx="692">
                  <c:v>66.2</c:v>
                </c:pt>
                <c:pt idx="693">
                  <c:v>66.2</c:v>
                </c:pt>
                <c:pt idx="694">
                  <c:v>66.2</c:v>
                </c:pt>
                <c:pt idx="695">
                  <c:v>66.099999999999994</c:v>
                </c:pt>
                <c:pt idx="696">
                  <c:v>66.099999999999994</c:v>
                </c:pt>
                <c:pt idx="697">
                  <c:v>66.099999999999994</c:v>
                </c:pt>
                <c:pt idx="698">
                  <c:v>66.099999999999994</c:v>
                </c:pt>
                <c:pt idx="699">
                  <c:v>66.099999999999994</c:v>
                </c:pt>
                <c:pt idx="700">
                  <c:v>66.099999999999994</c:v>
                </c:pt>
                <c:pt idx="701">
                  <c:v>66.099999999999994</c:v>
                </c:pt>
                <c:pt idx="702">
                  <c:v>66.099999999999994</c:v>
                </c:pt>
                <c:pt idx="703">
                  <c:v>66.099999999999994</c:v>
                </c:pt>
                <c:pt idx="704">
                  <c:v>66</c:v>
                </c:pt>
                <c:pt idx="705">
                  <c:v>66</c:v>
                </c:pt>
                <c:pt idx="706">
                  <c:v>66</c:v>
                </c:pt>
                <c:pt idx="707">
                  <c:v>66</c:v>
                </c:pt>
                <c:pt idx="708">
                  <c:v>66.099999999999994</c:v>
                </c:pt>
                <c:pt idx="709">
                  <c:v>66.099999999999994</c:v>
                </c:pt>
                <c:pt idx="710">
                  <c:v>66.099999999999994</c:v>
                </c:pt>
                <c:pt idx="711">
                  <c:v>66.099999999999994</c:v>
                </c:pt>
                <c:pt idx="712">
                  <c:v>66.2</c:v>
                </c:pt>
                <c:pt idx="713">
                  <c:v>66.2</c:v>
                </c:pt>
                <c:pt idx="714">
                  <c:v>66.3</c:v>
                </c:pt>
                <c:pt idx="715">
                  <c:v>66.3</c:v>
                </c:pt>
                <c:pt idx="716">
                  <c:v>66.3</c:v>
                </c:pt>
                <c:pt idx="717">
                  <c:v>66.3</c:v>
                </c:pt>
                <c:pt idx="718">
                  <c:v>66.3</c:v>
                </c:pt>
                <c:pt idx="719">
                  <c:v>66.2</c:v>
                </c:pt>
                <c:pt idx="720">
                  <c:v>66.2</c:v>
                </c:pt>
                <c:pt idx="721">
                  <c:v>66.2</c:v>
                </c:pt>
                <c:pt idx="722">
                  <c:v>66.2</c:v>
                </c:pt>
                <c:pt idx="723">
                  <c:v>66.2</c:v>
                </c:pt>
                <c:pt idx="724">
                  <c:v>66.2</c:v>
                </c:pt>
                <c:pt idx="725">
                  <c:v>66.099999999999994</c:v>
                </c:pt>
                <c:pt idx="726">
                  <c:v>66.099999999999994</c:v>
                </c:pt>
                <c:pt idx="727">
                  <c:v>66.099999999999994</c:v>
                </c:pt>
                <c:pt idx="728">
                  <c:v>66</c:v>
                </c:pt>
                <c:pt idx="729">
                  <c:v>66</c:v>
                </c:pt>
                <c:pt idx="730">
                  <c:v>66</c:v>
                </c:pt>
                <c:pt idx="731">
                  <c:v>66</c:v>
                </c:pt>
                <c:pt idx="732">
                  <c:v>66</c:v>
                </c:pt>
                <c:pt idx="733">
                  <c:v>66</c:v>
                </c:pt>
                <c:pt idx="734">
                  <c:v>66</c:v>
                </c:pt>
                <c:pt idx="735">
                  <c:v>66.099999999999994</c:v>
                </c:pt>
                <c:pt idx="736">
                  <c:v>66.099999999999994</c:v>
                </c:pt>
                <c:pt idx="737">
                  <c:v>66.099999999999994</c:v>
                </c:pt>
                <c:pt idx="738">
                  <c:v>66.099999999999994</c:v>
                </c:pt>
                <c:pt idx="739">
                  <c:v>66.2</c:v>
                </c:pt>
                <c:pt idx="740">
                  <c:v>66.2</c:v>
                </c:pt>
                <c:pt idx="741">
                  <c:v>66.2</c:v>
                </c:pt>
                <c:pt idx="742">
                  <c:v>66.2</c:v>
                </c:pt>
                <c:pt idx="743">
                  <c:v>66.2</c:v>
                </c:pt>
                <c:pt idx="744">
                  <c:v>66.2</c:v>
                </c:pt>
                <c:pt idx="745">
                  <c:v>66.2</c:v>
                </c:pt>
                <c:pt idx="746">
                  <c:v>66.2</c:v>
                </c:pt>
                <c:pt idx="747">
                  <c:v>66.2</c:v>
                </c:pt>
                <c:pt idx="748">
                  <c:v>66.2</c:v>
                </c:pt>
                <c:pt idx="749">
                  <c:v>66.3</c:v>
                </c:pt>
                <c:pt idx="750">
                  <c:v>66.3</c:v>
                </c:pt>
                <c:pt idx="751">
                  <c:v>66.2</c:v>
                </c:pt>
                <c:pt idx="752">
                  <c:v>66.2</c:v>
                </c:pt>
                <c:pt idx="753">
                  <c:v>66.2</c:v>
                </c:pt>
                <c:pt idx="754">
                  <c:v>66.2</c:v>
                </c:pt>
                <c:pt idx="755">
                  <c:v>66.2</c:v>
                </c:pt>
                <c:pt idx="756">
                  <c:v>66.2</c:v>
                </c:pt>
                <c:pt idx="757">
                  <c:v>66.3</c:v>
                </c:pt>
                <c:pt idx="758">
                  <c:v>66.400000000000006</c:v>
                </c:pt>
                <c:pt idx="759">
                  <c:v>66.5</c:v>
                </c:pt>
                <c:pt idx="760">
                  <c:v>66.5</c:v>
                </c:pt>
                <c:pt idx="761">
                  <c:v>66.7</c:v>
                </c:pt>
                <c:pt idx="762">
                  <c:v>66.8</c:v>
                </c:pt>
                <c:pt idx="763">
                  <c:v>66.8</c:v>
                </c:pt>
                <c:pt idx="764">
                  <c:v>66.900000000000006</c:v>
                </c:pt>
                <c:pt idx="765">
                  <c:v>66.900000000000006</c:v>
                </c:pt>
                <c:pt idx="766">
                  <c:v>67</c:v>
                </c:pt>
                <c:pt idx="767">
                  <c:v>67.099999999999994</c:v>
                </c:pt>
                <c:pt idx="768">
                  <c:v>67.2</c:v>
                </c:pt>
                <c:pt idx="769">
                  <c:v>67.3</c:v>
                </c:pt>
                <c:pt idx="770">
                  <c:v>67.3</c:v>
                </c:pt>
                <c:pt idx="771">
                  <c:v>67.400000000000006</c:v>
                </c:pt>
                <c:pt idx="772">
                  <c:v>67.5</c:v>
                </c:pt>
                <c:pt idx="773">
                  <c:v>67.5</c:v>
                </c:pt>
                <c:pt idx="774">
                  <c:v>67.5</c:v>
                </c:pt>
                <c:pt idx="775">
                  <c:v>67.5</c:v>
                </c:pt>
                <c:pt idx="776">
                  <c:v>67.5</c:v>
                </c:pt>
                <c:pt idx="777">
                  <c:v>67.5</c:v>
                </c:pt>
                <c:pt idx="778">
                  <c:v>67.5</c:v>
                </c:pt>
                <c:pt idx="779">
                  <c:v>67.5</c:v>
                </c:pt>
                <c:pt idx="780">
                  <c:v>67.5</c:v>
                </c:pt>
                <c:pt idx="781">
                  <c:v>67.5</c:v>
                </c:pt>
                <c:pt idx="782">
                  <c:v>67.599999999999994</c:v>
                </c:pt>
                <c:pt idx="783">
                  <c:v>67.599999999999994</c:v>
                </c:pt>
                <c:pt idx="784">
                  <c:v>67.7</c:v>
                </c:pt>
                <c:pt idx="785">
                  <c:v>67.8</c:v>
                </c:pt>
                <c:pt idx="786">
                  <c:v>67.8</c:v>
                </c:pt>
                <c:pt idx="787">
                  <c:v>67.900000000000006</c:v>
                </c:pt>
                <c:pt idx="788">
                  <c:v>67.900000000000006</c:v>
                </c:pt>
                <c:pt idx="789">
                  <c:v>68</c:v>
                </c:pt>
                <c:pt idx="790">
                  <c:v>68</c:v>
                </c:pt>
                <c:pt idx="791">
                  <c:v>68</c:v>
                </c:pt>
                <c:pt idx="792">
                  <c:v>68</c:v>
                </c:pt>
                <c:pt idx="793">
                  <c:v>68</c:v>
                </c:pt>
                <c:pt idx="794">
                  <c:v>68.099999999999994</c:v>
                </c:pt>
                <c:pt idx="795">
                  <c:v>68.2</c:v>
                </c:pt>
                <c:pt idx="796">
                  <c:v>68.3</c:v>
                </c:pt>
                <c:pt idx="797">
                  <c:v>68.400000000000006</c:v>
                </c:pt>
                <c:pt idx="798">
                  <c:v>68.599999999999994</c:v>
                </c:pt>
                <c:pt idx="799">
                  <c:v>68.7</c:v>
                </c:pt>
                <c:pt idx="800">
                  <c:v>68.7</c:v>
                </c:pt>
                <c:pt idx="801">
                  <c:v>68.7</c:v>
                </c:pt>
                <c:pt idx="802">
                  <c:v>68.7</c:v>
                </c:pt>
                <c:pt idx="803">
                  <c:v>68.599999999999994</c:v>
                </c:pt>
                <c:pt idx="804">
                  <c:v>68.5</c:v>
                </c:pt>
                <c:pt idx="805">
                  <c:v>68.5</c:v>
                </c:pt>
                <c:pt idx="806">
                  <c:v>68.400000000000006</c:v>
                </c:pt>
                <c:pt idx="807">
                  <c:v>68.400000000000006</c:v>
                </c:pt>
                <c:pt idx="808">
                  <c:v>68.400000000000006</c:v>
                </c:pt>
                <c:pt idx="809">
                  <c:v>68.3</c:v>
                </c:pt>
                <c:pt idx="810">
                  <c:v>68.3</c:v>
                </c:pt>
                <c:pt idx="811">
                  <c:v>68.3</c:v>
                </c:pt>
                <c:pt idx="812">
                  <c:v>68.2</c:v>
                </c:pt>
                <c:pt idx="813">
                  <c:v>68.099999999999994</c:v>
                </c:pt>
                <c:pt idx="814">
                  <c:v>68.099999999999994</c:v>
                </c:pt>
                <c:pt idx="815">
                  <c:v>68.099999999999994</c:v>
                </c:pt>
                <c:pt idx="816">
                  <c:v>68.099999999999994</c:v>
                </c:pt>
                <c:pt idx="817">
                  <c:v>68.099999999999994</c:v>
                </c:pt>
                <c:pt idx="818">
                  <c:v>68.099999999999994</c:v>
                </c:pt>
                <c:pt idx="819">
                  <c:v>68.099999999999994</c:v>
                </c:pt>
                <c:pt idx="820">
                  <c:v>68.099999999999994</c:v>
                </c:pt>
                <c:pt idx="821">
                  <c:v>68.099999999999994</c:v>
                </c:pt>
                <c:pt idx="822">
                  <c:v>68.099999999999994</c:v>
                </c:pt>
                <c:pt idx="823">
                  <c:v>68.099999999999994</c:v>
                </c:pt>
                <c:pt idx="824">
                  <c:v>68.099999999999994</c:v>
                </c:pt>
                <c:pt idx="825">
                  <c:v>68.099999999999994</c:v>
                </c:pt>
                <c:pt idx="826">
                  <c:v>68.099999999999994</c:v>
                </c:pt>
                <c:pt idx="827">
                  <c:v>68.099999999999994</c:v>
                </c:pt>
                <c:pt idx="828">
                  <c:v>68.099999999999994</c:v>
                </c:pt>
                <c:pt idx="829">
                  <c:v>68.099999999999994</c:v>
                </c:pt>
                <c:pt idx="830">
                  <c:v>68.099999999999994</c:v>
                </c:pt>
                <c:pt idx="831">
                  <c:v>68.099999999999994</c:v>
                </c:pt>
                <c:pt idx="832">
                  <c:v>68.099999999999994</c:v>
                </c:pt>
                <c:pt idx="833">
                  <c:v>68</c:v>
                </c:pt>
                <c:pt idx="834">
                  <c:v>68</c:v>
                </c:pt>
                <c:pt idx="835">
                  <c:v>68</c:v>
                </c:pt>
                <c:pt idx="836">
                  <c:v>68</c:v>
                </c:pt>
                <c:pt idx="837">
                  <c:v>68</c:v>
                </c:pt>
                <c:pt idx="838">
                  <c:v>68</c:v>
                </c:pt>
                <c:pt idx="839">
                  <c:v>68.099999999999994</c:v>
                </c:pt>
                <c:pt idx="840">
                  <c:v>68.099999999999994</c:v>
                </c:pt>
                <c:pt idx="841">
                  <c:v>68.099999999999994</c:v>
                </c:pt>
                <c:pt idx="842">
                  <c:v>68.099999999999994</c:v>
                </c:pt>
                <c:pt idx="843">
                  <c:v>68</c:v>
                </c:pt>
                <c:pt idx="844">
                  <c:v>68</c:v>
                </c:pt>
                <c:pt idx="845">
                  <c:v>68</c:v>
                </c:pt>
                <c:pt idx="846">
                  <c:v>68</c:v>
                </c:pt>
                <c:pt idx="847">
                  <c:v>68</c:v>
                </c:pt>
                <c:pt idx="848">
                  <c:v>67.900000000000006</c:v>
                </c:pt>
                <c:pt idx="849">
                  <c:v>67.900000000000006</c:v>
                </c:pt>
                <c:pt idx="850">
                  <c:v>67.900000000000006</c:v>
                </c:pt>
                <c:pt idx="851">
                  <c:v>67.900000000000006</c:v>
                </c:pt>
                <c:pt idx="852">
                  <c:v>67.900000000000006</c:v>
                </c:pt>
                <c:pt idx="853">
                  <c:v>67.8</c:v>
                </c:pt>
                <c:pt idx="854">
                  <c:v>67.8</c:v>
                </c:pt>
                <c:pt idx="855">
                  <c:v>67.7</c:v>
                </c:pt>
                <c:pt idx="856">
                  <c:v>67.7</c:v>
                </c:pt>
                <c:pt idx="857">
                  <c:v>67.599999999999994</c:v>
                </c:pt>
                <c:pt idx="858">
                  <c:v>67.599999999999994</c:v>
                </c:pt>
                <c:pt idx="859">
                  <c:v>67.5</c:v>
                </c:pt>
                <c:pt idx="860">
                  <c:v>67.5</c:v>
                </c:pt>
                <c:pt idx="861">
                  <c:v>67.5</c:v>
                </c:pt>
                <c:pt idx="862">
                  <c:v>67.5</c:v>
                </c:pt>
                <c:pt idx="863">
                  <c:v>67.5</c:v>
                </c:pt>
                <c:pt idx="864">
                  <c:v>67.5</c:v>
                </c:pt>
                <c:pt idx="865">
                  <c:v>67.5</c:v>
                </c:pt>
                <c:pt idx="866">
                  <c:v>67.5</c:v>
                </c:pt>
                <c:pt idx="867">
                  <c:v>67.5</c:v>
                </c:pt>
                <c:pt idx="868">
                  <c:v>67.599999999999994</c:v>
                </c:pt>
                <c:pt idx="869">
                  <c:v>67.599999999999994</c:v>
                </c:pt>
                <c:pt idx="870">
                  <c:v>67.599999999999994</c:v>
                </c:pt>
                <c:pt idx="871">
                  <c:v>67.5</c:v>
                </c:pt>
                <c:pt idx="872">
                  <c:v>67.5</c:v>
                </c:pt>
                <c:pt idx="873">
                  <c:v>67.5</c:v>
                </c:pt>
                <c:pt idx="874">
                  <c:v>67.5</c:v>
                </c:pt>
                <c:pt idx="875">
                  <c:v>67.5</c:v>
                </c:pt>
                <c:pt idx="876">
                  <c:v>67.5</c:v>
                </c:pt>
                <c:pt idx="877">
                  <c:v>67.5</c:v>
                </c:pt>
                <c:pt idx="878">
                  <c:v>67.5</c:v>
                </c:pt>
                <c:pt idx="879">
                  <c:v>67.5</c:v>
                </c:pt>
                <c:pt idx="880">
                  <c:v>67.5</c:v>
                </c:pt>
                <c:pt idx="881">
                  <c:v>67.599999999999994</c:v>
                </c:pt>
                <c:pt idx="882">
                  <c:v>67.599999999999994</c:v>
                </c:pt>
                <c:pt idx="883">
                  <c:v>67.599999999999994</c:v>
                </c:pt>
                <c:pt idx="884">
                  <c:v>67.599999999999994</c:v>
                </c:pt>
                <c:pt idx="885">
                  <c:v>67.599999999999994</c:v>
                </c:pt>
                <c:pt idx="886">
                  <c:v>67.599999999999994</c:v>
                </c:pt>
                <c:pt idx="887">
                  <c:v>67.599999999999994</c:v>
                </c:pt>
                <c:pt idx="888">
                  <c:v>67.599999999999994</c:v>
                </c:pt>
                <c:pt idx="889">
                  <c:v>67.599999999999994</c:v>
                </c:pt>
                <c:pt idx="890">
                  <c:v>67.599999999999994</c:v>
                </c:pt>
                <c:pt idx="891">
                  <c:v>67.599999999999994</c:v>
                </c:pt>
                <c:pt idx="892">
                  <c:v>67.599999999999994</c:v>
                </c:pt>
                <c:pt idx="893">
                  <c:v>67.599999999999994</c:v>
                </c:pt>
                <c:pt idx="894">
                  <c:v>67.599999999999994</c:v>
                </c:pt>
                <c:pt idx="895">
                  <c:v>67.599999999999994</c:v>
                </c:pt>
                <c:pt idx="896">
                  <c:v>67.5</c:v>
                </c:pt>
                <c:pt idx="897">
                  <c:v>67.5</c:v>
                </c:pt>
                <c:pt idx="898">
                  <c:v>67.5</c:v>
                </c:pt>
                <c:pt idx="899">
                  <c:v>67.5</c:v>
                </c:pt>
                <c:pt idx="900">
                  <c:v>67.5</c:v>
                </c:pt>
                <c:pt idx="901">
                  <c:v>67.5</c:v>
                </c:pt>
                <c:pt idx="902">
                  <c:v>67.5</c:v>
                </c:pt>
                <c:pt idx="903">
                  <c:v>67.599999999999994</c:v>
                </c:pt>
                <c:pt idx="904">
                  <c:v>67.5</c:v>
                </c:pt>
                <c:pt idx="905">
                  <c:v>67.5</c:v>
                </c:pt>
                <c:pt idx="906">
                  <c:v>67.5</c:v>
                </c:pt>
                <c:pt idx="907">
                  <c:v>67.5</c:v>
                </c:pt>
                <c:pt idx="908">
                  <c:v>67.5</c:v>
                </c:pt>
                <c:pt idx="909">
                  <c:v>67.5</c:v>
                </c:pt>
                <c:pt idx="910">
                  <c:v>67.599999999999994</c:v>
                </c:pt>
                <c:pt idx="911">
                  <c:v>67.599999999999994</c:v>
                </c:pt>
                <c:pt idx="912">
                  <c:v>67.7</c:v>
                </c:pt>
                <c:pt idx="913">
                  <c:v>67.8</c:v>
                </c:pt>
                <c:pt idx="914">
                  <c:v>67.900000000000006</c:v>
                </c:pt>
                <c:pt idx="915">
                  <c:v>68</c:v>
                </c:pt>
                <c:pt idx="916">
                  <c:v>68.2</c:v>
                </c:pt>
                <c:pt idx="917">
                  <c:v>68.400000000000006</c:v>
                </c:pt>
                <c:pt idx="918">
                  <c:v>68.5</c:v>
                </c:pt>
                <c:pt idx="919">
                  <c:v>68.7</c:v>
                </c:pt>
                <c:pt idx="920">
                  <c:v>68.8</c:v>
                </c:pt>
                <c:pt idx="921">
                  <c:v>68.900000000000006</c:v>
                </c:pt>
                <c:pt idx="922">
                  <c:v>69</c:v>
                </c:pt>
                <c:pt idx="923">
                  <c:v>69</c:v>
                </c:pt>
                <c:pt idx="924">
                  <c:v>69</c:v>
                </c:pt>
                <c:pt idx="925">
                  <c:v>69</c:v>
                </c:pt>
                <c:pt idx="926">
                  <c:v>69.099999999999994</c:v>
                </c:pt>
                <c:pt idx="927">
                  <c:v>69.099999999999994</c:v>
                </c:pt>
                <c:pt idx="928">
                  <c:v>69.099999999999994</c:v>
                </c:pt>
                <c:pt idx="929">
                  <c:v>69.099999999999994</c:v>
                </c:pt>
                <c:pt idx="930">
                  <c:v>69.099999999999994</c:v>
                </c:pt>
                <c:pt idx="931">
                  <c:v>69.099999999999994</c:v>
                </c:pt>
                <c:pt idx="932">
                  <c:v>69.099999999999994</c:v>
                </c:pt>
                <c:pt idx="933">
                  <c:v>69.099999999999994</c:v>
                </c:pt>
                <c:pt idx="934">
                  <c:v>69.099999999999994</c:v>
                </c:pt>
                <c:pt idx="935">
                  <c:v>69.099999999999994</c:v>
                </c:pt>
                <c:pt idx="936">
                  <c:v>69.099999999999994</c:v>
                </c:pt>
                <c:pt idx="937">
                  <c:v>69.099999999999994</c:v>
                </c:pt>
                <c:pt idx="938">
                  <c:v>69.099999999999994</c:v>
                </c:pt>
                <c:pt idx="939">
                  <c:v>69</c:v>
                </c:pt>
                <c:pt idx="940">
                  <c:v>69</c:v>
                </c:pt>
                <c:pt idx="941">
                  <c:v>69</c:v>
                </c:pt>
                <c:pt idx="942">
                  <c:v>68.900000000000006</c:v>
                </c:pt>
                <c:pt idx="943">
                  <c:v>68.900000000000006</c:v>
                </c:pt>
                <c:pt idx="944">
                  <c:v>68.900000000000006</c:v>
                </c:pt>
                <c:pt idx="945">
                  <c:v>68.900000000000006</c:v>
                </c:pt>
                <c:pt idx="946">
                  <c:v>68.900000000000006</c:v>
                </c:pt>
                <c:pt idx="947">
                  <c:v>69</c:v>
                </c:pt>
                <c:pt idx="948">
                  <c:v>69</c:v>
                </c:pt>
                <c:pt idx="949">
                  <c:v>69</c:v>
                </c:pt>
                <c:pt idx="950">
                  <c:v>69</c:v>
                </c:pt>
                <c:pt idx="951">
                  <c:v>69.099999999999994</c:v>
                </c:pt>
                <c:pt idx="952">
                  <c:v>69.099999999999994</c:v>
                </c:pt>
                <c:pt idx="953">
                  <c:v>69.099999999999994</c:v>
                </c:pt>
                <c:pt idx="954">
                  <c:v>69.2</c:v>
                </c:pt>
                <c:pt idx="955">
                  <c:v>69.3</c:v>
                </c:pt>
                <c:pt idx="956">
                  <c:v>69.3</c:v>
                </c:pt>
                <c:pt idx="957">
                  <c:v>69.400000000000006</c:v>
                </c:pt>
                <c:pt idx="958">
                  <c:v>69.400000000000006</c:v>
                </c:pt>
                <c:pt idx="959">
                  <c:v>69.5</c:v>
                </c:pt>
                <c:pt idx="960">
                  <c:v>69.5</c:v>
                </c:pt>
                <c:pt idx="961">
                  <c:v>69.5</c:v>
                </c:pt>
                <c:pt idx="962">
                  <c:v>69.599999999999994</c:v>
                </c:pt>
                <c:pt idx="963">
                  <c:v>69.599999999999994</c:v>
                </c:pt>
                <c:pt idx="964">
                  <c:v>69.7</c:v>
                </c:pt>
                <c:pt idx="965">
                  <c:v>69.7</c:v>
                </c:pt>
                <c:pt idx="966">
                  <c:v>69.8</c:v>
                </c:pt>
                <c:pt idx="967">
                  <c:v>69.900000000000006</c:v>
                </c:pt>
                <c:pt idx="968">
                  <c:v>70</c:v>
                </c:pt>
                <c:pt idx="969">
                  <c:v>70.099999999999994</c:v>
                </c:pt>
                <c:pt idx="970">
                  <c:v>70.2</c:v>
                </c:pt>
                <c:pt idx="971">
                  <c:v>70.2</c:v>
                </c:pt>
                <c:pt idx="972">
                  <c:v>70.2</c:v>
                </c:pt>
                <c:pt idx="973">
                  <c:v>70.2</c:v>
                </c:pt>
                <c:pt idx="974">
                  <c:v>70.2</c:v>
                </c:pt>
                <c:pt idx="975">
                  <c:v>70.2</c:v>
                </c:pt>
                <c:pt idx="976">
                  <c:v>70.2</c:v>
                </c:pt>
                <c:pt idx="977">
                  <c:v>70.2</c:v>
                </c:pt>
                <c:pt idx="978">
                  <c:v>70.2</c:v>
                </c:pt>
                <c:pt idx="979">
                  <c:v>70.2</c:v>
                </c:pt>
                <c:pt idx="980">
                  <c:v>70.2</c:v>
                </c:pt>
                <c:pt idx="981">
                  <c:v>70.3</c:v>
                </c:pt>
                <c:pt idx="982">
                  <c:v>70.3</c:v>
                </c:pt>
                <c:pt idx="983">
                  <c:v>70.5</c:v>
                </c:pt>
                <c:pt idx="984">
                  <c:v>70.5</c:v>
                </c:pt>
                <c:pt idx="985">
                  <c:v>70.599999999999994</c:v>
                </c:pt>
                <c:pt idx="986">
                  <c:v>70.7</c:v>
                </c:pt>
                <c:pt idx="987">
                  <c:v>70.7</c:v>
                </c:pt>
                <c:pt idx="988">
                  <c:v>70.8</c:v>
                </c:pt>
                <c:pt idx="989">
                  <c:v>70.7</c:v>
                </c:pt>
                <c:pt idx="990">
                  <c:v>70.7</c:v>
                </c:pt>
                <c:pt idx="991">
                  <c:v>70.7</c:v>
                </c:pt>
                <c:pt idx="992">
                  <c:v>70.599999999999994</c:v>
                </c:pt>
                <c:pt idx="993">
                  <c:v>70.5</c:v>
                </c:pt>
                <c:pt idx="994">
                  <c:v>70.5</c:v>
                </c:pt>
                <c:pt idx="995">
                  <c:v>70.400000000000006</c:v>
                </c:pt>
                <c:pt idx="996">
                  <c:v>70.400000000000006</c:v>
                </c:pt>
                <c:pt idx="997">
                  <c:v>70.3</c:v>
                </c:pt>
                <c:pt idx="998">
                  <c:v>70.2</c:v>
                </c:pt>
                <c:pt idx="999">
                  <c:v>70.2</c:v>
                </c:pt>
                <c:pt idx="1000">
                  <c:v>70.099999999999994</c:v>
                </c:pt>
                <c:pt idx="1001">
                  <c:v>70</c:v>
                </c:pt>
                <c:pt idx="1002">
                  <c:v>69.900000000000006</c:v>
                </c:pt>
                <c:pt idx="1003">
                  <c:v>69.8</c:v>
                </c:pt>
                <c:pt idx="1004">
                  <c:v>69.7</c:v>
                </c:pt>
                <c:pt idx="1005">
                  <c:v>69.7</c:v>
                </c:pt>
                <c:pt idx="1006">
                  <c:v>69.599999999999994</c:v>
                </c:pt>
                <c:pt idx="1007">
                  <c:v>69.599999999999994</c:v>
                </c:pt>
                <c:pt idx="1008">
                  <c:v>69.7</c:v>
                </c:pt>
                <c:pt idx="1009">
                  <c:v>69.7</c:v>
                </c:pt>
                <c:pt idx="1010">
                  <c:v>69.7</c:v>
                </c:pt>
                <c:pt idx="1011">
                  <c:v>69.8</c:v>
                </c:pt>
                <c:pt idx="1012">
                  <c:v>69.900000000000006</c:v>
                </c:pt>
                <c:pt idx="1013">
                  <c:v>70</c:v>
                </c:pt>
                <c:pt idx="1014">
                  <c:v>70.2</c:v>
                </c:pt>
                <c:pt idx="1015">
                  <c:v>70.3</c:v>
                </c:pt>
                <c:pt idx="1016">
                  <c:v>70.400000000000006</c:v>
                </c:pt>
                <c:pt idx="1017">
                  <c:v>70.5</c:v>
                </c:pt>
                <c:pt idx="1018">
                  <c:v>70.5</c:v>
                </c:pt>
                <c:pt idx="1019">
                  <c:v>70.5</c:v>
                </c:pt>
                <c:pt idx="1020">
                  <c:v>70.5</c:v>
                </c:pt>
                <c:pt idx="1021">
                  <c:v>70.5</c:v>
                </c:pt>
                <c:pt idx="1022">
                  <c:v>70.5</c:v>
                </c:pt>
                <c:pt idx="1023">
                  <c:v>70.400000000000006</c:v>
                </c:pt>
                <c:pt idx="1024">
                  <c:v>70.400000000000006</c:v>
                </c:pt>
                <c:pt idx="1025">
                  <c:v>70.3</c:v>
                </c:pt>
                <c:pt idx="1026">
                  <c:v>70.3</c:v>
                </c:pt>
                <c:pt idx="1027">
                  <c:v>70.3</c:v>
                </c:pt>
                <c:pt idx="1028">
                  <c:v>70.2</c:v>
                </c:pt>
                <c:pt idx="1029">
                  <c:v>70.2</c:v>
                </c:pt>
                <c:pt idx="1030">
                  <c:v>70.099999999999994</c:v>
                </c:pt>
                <c:pt idx="1031">
                  <c:v>70.099999999999994</c:v>
                </c:pt>
                <c:pt idx="1032">
                  <c:v>70</c:v>
                </c:pt>
                <c:pt idx="1033">
                  <c:v>69.900000000000006</c:v>
                </c:pt>
                <c:pt idx="1034">
                  <c:v>69.900000000000006</c:v>
                </c:pt>
                <c:pt idx="1035">
                  <c:v>69.8</c:v>
                </c:pt>
                <c:pt idx="1036">
                  <c:v>69.8</c:v>
                </c:pt>
                <c:pt idx="1037">
                  <c:v>69.7</c:v>
                </c:pt>
                <c:pt idx="1038">
                  <c:v>69.7</c:v>
                </c:pt>
                <c:pt idx="1039">
                  <c:v>69.7</c:v>
                </c:pt>
                <c:pt idx="1040">
                  <c:v>69.599999999999994</c:v>
                </c:pt>
                <c:pt idx="1041">
                  <c:v>69.5</c:v>
                </c:pt>
                <c:pt idx="1042">
                  <c:v>69.5</c:v>
                </c:pt>
                <c:pt idx="1043">
                  <c:v>69.400000000000006</c:v>
                </c:pt>
                <c:pt idx="1044">
                  <c:v>69.400000000000006</c:v>
                </c:pt>
                <c:pt idx="1045">
                  <c:v>69.3</c:v>
                </c:pt>
                <c:pt idx="1046">
                  <c:v>69.3</c:v>
                </c:pt>
                <c:pt idx="1047">
                  <c:v>69.3</c:v>
                </c:pt>
                <c:pt idx="1048">
                  <c:v>69.3</c:v>
                </c:pt>
                <c:pt idx="1049">
                  <c:v>69.3</c:v>
                </c:pt>
                <c:pt idx="1050">
                  <c:v>69.3</c:v>
                </c:pt>
                <c:pt idx="1051">
                  <c:v>69.3</c:v>
                </c:pt>
                <c:pt idx="1052">
                  <c:v>69.3</c:v>
                </c:pt>
                <c:pt idx="1053">
                  <c:v>69.3</c:v>
                </c:pt>
                <c:pt idx="1054">
                  <c:v>69.3</c:v>
                </c:pt>
                <c:pt idx="1055">
                  <c:v>69.3</c:v>
                </c:pt>
                <c:pt idx="1056">
                  <c:v>69.3</c:v>
                </c:pt>
                <c:pt idx="1057">
                  <c:v>69.3</c:v>
                </c:pt>
                <c:pt idx="1058">
                  <c:v>69.3</c:v>
                </c:pt>
                <c:pt idx="1059">
                  <c:v>69.3</c:v>
                </c:pt>
                <c:pt idx="1060">
                  <c:v>69.3</c:v>
                </c:pt>
                <c:pt idx="1061">
                  <c:v>69.3</c:v>
                </c:pt>
                <c:pt idx="1062">
                  <c:v>69.2</c:v>
                </c:pt>
                <c:pt idx="1063">
                  <c:v>69.3</c:v>
                </c:pt>
                <c:pt idx="1064">
                  <c:v>69.3</c:v>
                </c:pt>
                <c:pt idx="1065">
                  <c:v>69.3</c:v>
                </c:pt>
                <c:pt idx="1066">
                  <c:v>69.3</c:v>
                </c:pt>
                <c:pt idx="1067">
                  <c:v>69.400000000000006</c:v>
                </c:pt>
                <c:pt idx="1068">
                  <c:v>69.5</c:v>
                </c:pt>
                <c:pt idx="1069">
                  <c:v>69.7</c:v>
                </c:pt>
                <c:pt idx="1070">
                  <c:v>69.900000000000006</c:v>
                </c:pt>
                <c:pt idx="1071">
                  <c:v>70.099999999999994</c:v>
                </c:pt>
                <c:pt idx="1072">
                  <c:v>70.3</c:v>
                </c:pt>
                <c:pt idx="1073">
                  <c:v>70.5</c:v>
                </c:pt>
                <c:pt idx="1074">
                  <c:v>70.599999999999994</c:v>
                </c:pt>
                <c:pt idx="1075">
                  <c:v>70.8</c:v>
                </c:pt>
                <c:pt idx="1076">
                  <c:v>70.8</c:v>
                </c:pt>
                <c:pt idx="1077">
                  <c:v>70.900000000000006</c:v>
                </c:pt>
                <c:pt idx="1078">
                  <c:v>70.900000000000006</c:v>
                </c:pt>
                <c:pt idx="1079">
                  <c:v>70.900000000000006</c:v>
                </c:pt>
                <c:pt idx="1080">
                  <c:v>70.900000000000006</c:v>
                </c:pt>
                <c:pt idx="1081">
                  <c:v>70.900000000000006</c:v>
                </c:pt>
                <c:pt idx="1082">
                  <c:v>70.8</c:v>
                </c:pt>
                <c:pt idx="1083">
                  <c:v>70.8</c:v>
                </c:pt>
                <c:pt idx="1084">
                  <c:v>70.8</c:v>
                </c:pt>
                <c:pt idx="1085">
                  <c:v>70.7</c:v>
                </c:pt>
                <c:pt idx="1086">
                  <c:v>70.7</c:v>
                </c:pt>
                <c:pt idx="1087">
                  <c:v>70.7</c:v>
                </c:pt>
                <c:pt idx="1088">
                  <c:v>70.7</c:v>
                </c:pt>
                <c:pt idx="1089">
                  <c:v>70.7</c:v>
                </c:pt>
                <c:pt idx="1090">
                  <c:v>70.7</c:v>
                </c:pt>
                <c:pt idx="1091">
                  <c:v>70.599999999999994</c:v>
                </c:pt>
                <c:pt idx="1092">
                  <c:v>70.599999999999994</c:v>
                </c:pt>
                <c:pt idx="1093">
                  <c:v>70.599999999999994</c:v>
                </c:pt>
                <c:pt idx="1094">
                  <c:v>70.5</c:v>
                </c:pt>
                <c:pt idx="1095">
                  <c:v>70.5</c:v>
                </c:pt>
                <c:pt idx="1096">
                  <c:v>70.400000000000006</c:v>
                </c:pt>
                <c:pt idx="1097">
                  <c:v>70.400000000000006</c:v>
                </c:pt>
                <c:pt idx="1098">
                  <c:v>70.400000000000006</c:v>
                </c:pt>
                <c:pt idx="1099">
                  <c:v>70.3</c:v>
                </c:pt>
                <c:pt idx="1100">
                  <c:v>70.3</c:v>
                </c:pt>
                <c:pt idx="1101">
                  <c:v>70.3</c:v>
                </c:pt>
                <c:pt idx="1102">
                  <c:v>70.3</c:v>
                </c:pt>
                <c:pt idx="1103">
                  <c:v>70.3</c:v>
                </c:pt>
                <c:pt idx="1104">
                  <c:v>70.3</c:v>
                </c:pt>
                <c:pt idx="1105">
                  <c:v>70.3</c:v>
                </c:pt>
                <c:pt idx="1106">
                  <c:v>70.3</c:v>
                </c:pt>
                <c:pt idx="1107">
                  <c:v>70.3</c:v>
                </c:pt>
                <c:pt idx="1108">
                  <c:v>70.2</c:v>
                </c:pt>
                <c:pt idx="1109">
                  <c:v>70.2</c:v>
                </c:pt>
                <c:pt idx="1110">
                  <c:v>70.2</c:v>
                </c:pt>
                <c:pt idx="1111">
                  <c:v>70.2</c:v>
                </c:pt>
                <c:pt idx="1112">
                  <c:v>70.2</c:v>
                </c:pt>
                <c:pt idx="1113">
                  <c:v>70.2</c:v>
                </c:pt>
                <c:pt idx="1114">
                  <c:v>70.2</c:v>
                </c:pt>
                <c:pt idx="1115">
                  <c:v>70.099999999999994</c:v>
                </c:pt>
                <c:pt idx="1116">
                  <c:v>70.099999999999994</c:v>
                </c:pt>
                <c:pt idx="1117">
                  <c:v>70.099999999999994</c:v>
                </c:pt>
                <c:pt idx="1118">
                  <c:v>70.099999999999994</c:v>
                </c:pt>
                <c:pt idx="1119">
                  <c:v>70.099999999999994</c:v>
                </c:pt>
                <c:pt idx="1120">
                  <c:v>70.099999999999994</c:v>
                </c:pt>
                <c:pt idx="1121">
                  <c:v>70.099999999999994</c:v>
                </c:pt>
                <c:pt idx="1122">
                  <c:v>70.099999999999994</c:v>
                </c:pt>
                <c:pt idx="1123">
                  <c:v>70.099999999999994</c:v>
                </c:pt>
                <c:pt idx="1124">
                  <c:v>70.2</c:v>
                </c:pt>
                <c:pt idx="1125">
                  <c:v>70.2</c:v>
                </c:pt>
                <c:pt idx="1126">
                  <c:v>70.2</c:v>
                </c:pt>
                <c:pt idx="1127">
                  <c:v>70.2</c:v>
                </c:pt>
                <c:pt idx="1128">
                  <c:v>70.2</c:v>
                </c:pt>
                <c:pt idx="1129">
                  <c:v>70.2</c:v>
                </c:pt>
                <c:pt idx="1130">
                  <c:v>70.2</c:v>
                </c:pt>
                <c:pt idx="1131">
                  <c:v>70.099999999999994</c:v>
                </c:pt>
                <c:pt idx="1132">
                  <c:v>70.099999999999994</c:v>
                </c:pt>
                <c:pt idx="1133">
                  <c:v>70.099999999999994</c:v>
                </c:pt>
                <c:pt idx="1134">
                  <c:v>70.099999999999994</c:v>
                </c:pt>
                <c:pt idx="1135">
                  <c:v>70.099999999999994</c:v>
                </c:pt>
                <c:pt idx="1136">
                  <c:v>70</c:v>
                </c:pt>
                <c:pt idx="1137">
                  <c:v>70</c:v>
                </c:pt>
                <c:pt idx="1138">
                  <c:v>70</c:v>
                </c:pt>
                <c:pt idx="1139">
                  <c:v>70</c:v>
                </c:pt>
                <c:pt idx="1140">
                  <c:v>69.900000000000006</c:v>
                </c:pt>
                <c:pt idx="1141">
                  <c:v>69.900000000000006</c:v>
                </c:pt>
                <c:pt idx="1142">
                  <c:v>69.900000000000006</c:v>
                </c:pt>
                <c:pt idx="1143">
                  <c:v>69.900000000000006</c:v>
                </c:pt>
                <c:pt idx="1144">
                  <c:v>69.900000000000006</c:v>
                </c:pt>
                <c:pt idx="1145">
                  <c:v>69.900000000000006</c:v>
                </c:pt>
                <c:pt idx="1146">
                  <c:v>69.900000000000006</c:v>
                </c:pt>
                <c:pt idx="1147">
                  <c:v>69.900000000000006</c:v>
                </c:pt>
                <c:pt idx="1148">
                  <c:v>69.900000000000006</c:v>
                </c:pt>
                <c:pt idx="1149">
                  <c:v>69.900000000000006</c:v>
                </c:pt>
                <c:pt idx="1150">
                  <c:v>69.900000000000006</c:v>
                </c:pt>
                <c:pt idx="1151">
                  <c:v>69.900000000000006</c:v>
                </c:pt>
                <c:pt idx="1152">
                  <c:v>69.900000000000006</c:v>
                </c:pt>
                <c:pt idx="1153">
                  <c:v>69.900000000000006</c:v>
                </c:pt>
                <c:pt idx="1154">
                  <c:v>69.900000000000006</c:v>
                </c:pt>
                <c:pt idx="1155">
                  <c:v>70</c:v>
                </c:pt>
                <c:pt idx="1156">
                  <c:v>70</c:v>
                </c:pt>
                <c:pt idx="1157">
                  <c:v>70</c:v>
                </c:pt>
                <c:pt idx="1158">
                  <c:v>70</c:v>
                </c:pt>
                <c:pt idx="1159">
                  <c:v>70.099999999999994</c:v>
                </c:pt>
                <c:pt idx="1160">
                  <c:v>70.099999999999994</c:v>
                </c:pt>
                <c:pt idx="1161">
                  <c:v>70.099999999999994</c:v>
                </c:pt>
                <c:pt idx="1162">
                  <c:v>70.099999999999994</c:v>
                </c:pt>
                <c:pt idx="1163">
                  <c:v>70.099999999999994</c:v>
                </c:pt>
                <c:pt idx="1164">
                  <c:v>70.099999999999994</c:v>
                </c:pt>
                <c:pt idx="1165">
                  <c:v>70.099999999999994</c:v>
                </c:pt>
                <c:pt idx="1166">
                  <c:v>70.099999999999994</c:v>
                </c:pt>
                <c:pt idx="1167">
                  <c:v>70.099999999999994</c:v>
                </c:pt>
                <c:pt idx="1168">
                  <c:v>70.099999999999994</c:v>
                </c:pt>
                <c:pt idx="1169">
                  <c:v>70.099999999999994</c:v>
                </c:pt>
                <c:pt idx="1170">
                  <c:v>70.099999999999994</c:v>
                </c:pt>
                <c:pt idx="1171">
                  <c:v>70.099999999999994</c:v>
                </c:pt>
                <c:pt idx="1172">
                  <c:v>70.099999999999994</c:v>
                </c:pt>
                <c:pt idx="1173">
                  <c:v>70.2</c:v>
                </c:pt>
                <c:pt idx="1174">
                  <c:v>70.2</c:v>
                </c:pt>
                <c:pt idx="1175">
                  <c:v>70.2</c:v>
                </c:pt>
                <c:pt idx="1176">
                  <c:v>70.3</c:v>
                </c:pt>
                <c:pt idx="1177">
                  <c:v>70.3</c:v>
                </c:pt>
                <c:pt idx="1178">
                  <c:v>70.3</c:v>
                </c:pt>
                <c:pt idx="1179">
                  <c:v>70.3</c:v>
                </c:pt>
                <c:pt idx="1180">
                  <c:v>70.3</c:v>
                </c:pt>
                <c:pt idx="1181">
                  <c:v>70.3</c:v>
                </c:pt>
                <c:pt idx="1182">
                  <c:v>70.3</c:v>
                </c:pt>
                <c:pt idx="1183">
                  <c:v>70.3</c:v>
                </c:pt>
                <c:pt idx="1184">
                  <c:v>70.400000000000006</c:v>
                </c:pt>
                <c:pt idx="1185">
                  <c:v>70.400000000000006</c:v>
                </c:pt>
                <c:pt idx="1186">
                  <c:v>70.5</c:v>
                </c:pt>
                <c:pt idx="1187">
                  <c:v>70.5</c:v>
                </c:pt>
                <c:pt idx="1188">
                  <c:v>70.599999999999994</c:v>
                </c:pt>
                <c:pt idx="1189">
                  <c:v>70.599999999999994</c:v>
                </c:pt>
                <c:pt idx="1190">
                  <c:v>70.599999999999994</c:v>
                </c:pt>
                <c:pt idx="1191">
                  <c:v>70.599999999999994</c:v>
                </c:pt>
                <c:pt idx="1192">
                  <c:v>70.599999999999994</c:v>
                </c:pt>
                <c:pt idx="1193">
                  <c:v>70.5</c:v>
                </c:pt>
                <c:pt idx="1194">
                  <c:v>70.5</c:v>
                </c:pt>
                <c:pt idx="1195">
                  <c:v>70.5</c:v>
                </c:pt>
                <c:pt idx="1196">
                  <c:v>70.400000000000006</c:v>
                </c:pt>
                <c:pt idx="1197">
                  <c:v>70.400000000000006</c:v>
                </c:pt>
                <c:pt idx="1198">
                  <c:v>70.400000000000006</c:v>
                </c:pt>
                <c:pt idx="1199">
                  <c:v>70.400000000000006</c:v>
                </c:pt>
                <c:pt idx="1200">
                  <c:v>70.400000000000006</c:v>
                </c:pt>
                <c:pt idx="1201">
                  <c:v>70.400000000000006</c:v>
                </c:pt>
                <c:pt idx="1202">
                  <c:v>70.400000000000006</c:v>
                </c:pt>
                <c:pt idx="1203">
                  <c:v>70.400000000000006</c:v>
                </c:pt>
                <c:pt idx="1204">
                  <c:v>70.400000000000006</c:v>
                </c:pt>
                <c:pt idx="1205">
                  <c:v>70.3</c:v>
                </c:pt>
                <c:pt idx="1206">
                  <c:v>70.400000000000006</c:v>
                </c:pt>
                <c:pt idx="1207">
                  <c:v>70.400000000000006</c:v>
                </c:pt>
                <c:pt idx="1208">
                  <c:v>70.400000000000006</c:v>
                </c:pt>
                <c:pt idx="1209">
                  <c:v>70.400000000000006</c:v>
                </c:pt>
                <c:pt idx="1210">
                  <c:v>70.400000000000006</c:v>
                </c:pt>
                <c:pt idx="1211">
                  <c:v>70.5</c:v>
                </c:pt>
                <c:pt idx="1212">
                  <c:v>70.5</c:v>
                </c:pt>
                <c:pt idx="1213">
                  <c:v>70.599999999999994</c:v>
                </c:pt>
                <c:pt idx="1214">
                  <c:v>70.599999999999994</c:v>
                </c:pt>
                <c:pt idx="1215">
                  <c:v>70.599999999999994</c:v>
                </c:pt>
                <c:pt idx="1216">
                  <c:v>70.599999999999994</c:v>
                </c:pt>
                <c:pt idx="1217">
                  <c:v>70.7</c:v>
                </c:pt>
                <c:pt idx="1218">
                  <c:v>70.7</c:v>
                </c:pt>
                <c:pt idx="1219">
                  <c:v>70.7</c:v>
                </c:pt>
                <c:pt idx="1220">
                  <c:v>70.599999999999994</c:v>
                </c:pt>
                <c:pt idx="1221">
                  <c:v>70.599999999999994</c:v>
                </c:pt>
                <c:pt idx="1222">
                  <c:v>70.599999999999994</c:v>
                </c:pt>
                <c:pt idx="1223">
                  <c:v>70.599999999999994</c:v>
                </c:pt>
                <c:pt idx="1224">
                  <c:v>70.5</c:v>
                </c:pt>
                <c:pt idx="1225">
                  <c:v>70.5</c:v>
                </c:pt>
                <c:pt idx="1226">
                  <c:v>70.5</c:v>
                </c:pt>
                <c:pt idx="1227">
                  <c:v>70.5</c:v>
                </c:pt>
                <c:pt idx="1228">
                  <c:v>70.5</c:v>
                </c:pt>
                <c:pt idx="1229">
                  <c:v>70.5</c:v>
                </c:pt>
                <c:pt idx="1230">
                  <c:v>70.5</c:v>
                </c:pt>
                <c:pt idx="1231">
                  <c:v>70.400000000000006</c:v>
                </c:pt>
                <c:pt idx="1232">
                  <c:v>70.400000000000006</c:v>
                </c:pt>
                <c:pt idx="1233">
                  <c:v>70.400000000000006</c:v>
                </c:pt>
                <c:pt idx="1234">
                  <c:v>70.400000000000006</c:v>
                </c:pt>
                <c:pt idx="1235">
                  <c:v>70.400000000000006</c:v>
                </c:pt>
                <c:pt idx="1236">
                  <c:v>70.3</c:v>
                </c:pt>
                <c:pt idx="1237">
                  <c:v>70.3</c:v>
                </c:pt>
                <c:pt idx="1238">
                  <c:v>70.3</c:v>
                </c:pt>
                <c:pt idx="1239">
                  <c:v>70.400000000000006</c:v>
                </c:pt>
                <c:pt idx="1240">
                  <c:v>70.400000000000006</c:v>
                </c:pt>
                <c:pt idx="1241">
                  <c:v>70.400000000000006</c:v>
                </c:pt>
                <c:pt idx="1242">
                  <c:v>70.400000000000006</c:v>
                </c:pt>
                <c:pt idx="1243">
                  <c:v>70.5</c:v>
                </c:pt>
                <c:pt idx="1244">
                  <c:v>70.5</c:v>
                </c:pt>
                <c:pt idx="1245">
                  <c:v>70.5</c:v>
                </c:pt>
                <c:pt idx="1246">
                  <c:v>70.5</c:v>
                </c:pt>
                <c:pt idx="1247">
                  <c:v>70.5</c:v>
                </c:pt>
                <c:pt idx="1248">
                  <c:v>70.599999999999994</c:v>
                </c:pt>
                <c:pt idx="1249">
                  <c:v>70.599999999999994</c:v>
                </c:pt>
                <c:pt idx="1250">
                  <c:v>70.599999999999994</c:v>
                </c:pt>
                <c:pt idx="1251">
                  <c:v>70.7</c:v>
                </c:pt>
                <c:pt idx="1252">
                  <c:v>70.7</c:v>
                </c:pt>
                <c:pt idx="1253">
                  <c:v>70.599999999999994</c:v>
                </c:pt>
                <c:pt idx="1254">
                  <c:v>70.599999999999994</c:v>
                </c:pt>
                <c:pt idx="1255">
                  <c:v>70.599999999999994</c:v>
                </c:pt>
                <c:pt idx="1256">
                  <c:v>70.5</c:v>
                </c:pt>
                <c:pt idx="1257">
                  <c:v>70.5</c:v>
                </c:pt>
                <c:pt idx="1258">
                  <c:v>70.5</c:v>
                </c:pt>
                <c:pt idx="1259">
                  <c:v>70.5</c:v>
                </c:pt>
                <c:pt idx="1260">
                  <c:v>70.5</c:v>
                </c:pt>
                <c:pt idx="1261">
                  <c:v>70.5</c:v>
                </c:pt>
                <c:pt idx="1262">
                  <c:v>70.5</c:v>
                </c:pt>
                <c:pt idx="1263">
                  <c:v>70.5</c:v>
                </c:pt>
                <c:pt idx="1264">
                  <c:v>70.5</c:v>
                </c:pt>
                <c:pt idx="1265">
                  <c:v>70.5</c:v>
                </c:pt>
                <c:pt idx="1266">
                  <c:v>70.5</c:v>
                </c:pt>
                <c:pt idx="1267">
                  <c:v>70.5</c:v>
                </c:pt>
                <c:pt idx="1268">
                  <c:v>70.5</c:v>
                </c:pt>
                <c:pt idx="1269">
                  <c:v>70.5</c:v>
                </c:pt>
                <c:pt idx="1270">
                  <c:v>70.5</c:v>
                </c:pt>
                <c:pt idx="1271">
                  <c:v>70.599999999999994</c:v>
                </c:pt>
                <c:pt idx="1272">
                  <c:v>70.599999999999994</c:v>
                </c:pt>
                <c:pt idx="1273">
                  <c:v>70.599999999999994</c:v>
                </c:pt>
                <c:pt idx="1274">
                  <c:v>70.599999999999994</c:v>
                </c:pt>
                <c:pt idx="1275">
                  <c:v>70.7</c:v>
                </c:pt>
                <c:pt idx="1276">
                  <c:v>70.7</c:v>
                </c:pt>
                <c:pt idx="1277">
                  <c:v>70.7</c:v>
                </c:pt>
                <c:pt idx="1278">
                  <c:v>70.7</c:v>
                </c:pt>
                <c:pt idx="1279">
                  <c:v>70.7</c:v>
                </c:pt>
                <c:pt idx="1280">
                  <c:v>70.8</c:v>
                </c:pt>
                <c:pt idx="1281">
                  <c:v>70.8</c:v>
                </c:pt>
                <c:pt idx="1282">
                  <c:v>70.900000000000006</c:v>
                </c:pt>
                <c:pt idx="1283">
                  <c:v>70.900000000000006</c:v>
                </c:pt>
                <c:pt idx="1284">
                  <c:v>71</c:v>
                </c:pt>
                <c:pt idx="1285">
                  <c:v>71</c:v>
                </c:pt>
                <c:pt idx="1286">
                  <c:v>71.099999999999994</c:v>
                </c:pt>
                <c:pt idx="1287">
                  <c:v>71.2</c:v>
                </c:pt>
                <c:pt idx="1288">
                  <c:v>71.2</c:v>
                </c:pt>
                <c:pt idx="1289">
                  <c:v>71.2</c:v>
                </c:pt>
                <c:pt idx="1290">
                  <c:v>71.2</c:v>
                </c:pt>
                <c:pt idx="1291">
                  <c:v>71.3</c:v>
                </c:pt>
                <c:pt idx="1292">
                  <c:v>71.2</c:v>
                </c:pt>
                <c:pt idx="1293">
                  <c:v>71.2</c:v>
                </c:pt>
                <c:pt idx="1294">
                  <c:v>71.2</c:v>
                </c:pt>
                <c:pt idx="1295">
                  <c:v>71.2</c:v>
                </c:pt>
                <c:pt idx="1296">
                  <c:v>71.2</c:v>
                </c:pt>
                <c:pt idx="1297">
                  <c:v>71.099999999999994</c:v>
                </c:pt>
                <c:pt idx="1298">
                  <c:v>71.2</c:v>
                </c:pt>
                <c:pt idx="1299">
                  <c:v>71.2</c:v>
                </c:pt>
                <c:pt idx="1300">
                  <c:v>71.2</c:v>
                </c:pt>
                <c:pt idx="1301">
                  <c:v>71.2</c:v>
                </c:pt>
                <c:pt idx="1302">
                  <c:v>71.2</c:v>
                </c:pt>
                <c:pt idx="1303">
                  <c:v>71.2</c:v>
                </c:pt>
                <c:pt idx="1304">
                  <c:v>71.3</c:v>
                </c:pt>
                <c:pt idx="1305">
                  <c:v>71.3</c:v>
                </c:pt>
                <c:pt idx="1306">
                  <c:v>71.3</c:v>
                </c:pt>
                <c:pt idx="1307">
                  <c:v>71.3</c:v>
                </c:pt>
                <c:pt idx="1308">
                  <c:v>71.3</c:v>
                </c:pt>
                <c:pt idx="1309">
                  <c:v>71.3</c:v>
                </c:pt>
                <c:pt idx="1310">
                  <c:v>71.3</c:v>
                </c:pt>
                <c:pt idx="1311">
                  <c:v>71.3</c:v>
                </c:pt>
                <c:pt idx="1312">
                  <c:v>71.3</c:v>
                </c:pt>
                <c:pt idx="1313">
                  <c:v>71.3</c:v>
                </c:pt>
                <c:pt idx="1314">
                  <c:v>71.3</c:v>
                </c:pt>
                <c:pt idx="1315">
                  <c:v>71.3</c:v>
                </c:pt>
                <c:pt idx="1316">
                  <c:v>71.400000000000006</c:v>
                </c:pt>
                <c:pt idx="1317">
                  <c:v>71.5</c:v>
                </c:pt>
                <c:pt idx="1318">
                  <c:v>71.599999999999994</c:v>
                </c:pt>
                <c:pt idx="1319">
                  <c:v>71.7</c:v>
                </c:pt>
                <c:pt idx="1320">
                  <c:v>71.8</c:v>
                </c:pt>
                <c:pt idx="1321">
                  <c:v>71.900000000000006</c:v>
                </c:pt>
                <c:pt idx="1322">
                  <c:v>72</c:v>
                </c:pt>
                <c:pt idx="1323">
                  <c:v>72</c:v>
                </c:pt>
                <c:pt idx="1324">
                  <c:v>72</c:v>
                </c:pt>
                <c:pt idx="1325">
                  <c:v>72</c:v>
                </c:pt>
                <c:pt idx="1326">
                  <c:v>72</c:v>
                </c:pt>
                <c:pt idx="1327">
                  <c:v>72</c:v>
                </c:pt>
                <c:pt idx="1328">
                  <c:v>71.900000000000006</c:v>
                </c:pt>
                <c:pt idx="1329">
                  <c:v>71.900000000000006</c:v>
                </c:pt>
                <c:pt idx="1330">
                  <c:v>71.900000000000006</c:v>
                </c:pt>
                <c:pt idx="1331">
                  <c:v>71.900000000000006</c:v>
                </c:pt>
                <c:pt idx="1332">
                  <c:v>71.8</c:v>
                </c:pt>
                <c:pt idx="1333">
                  <c:v>71.8</c:v>
                </c:pt>
                <c:pt idx="1334">
                  <c:v>71.8</c:v>
                </c:pt>
                <c:pt idx="1335">
                  <c:v>71.8</c:v>
                </c:pt>
                <c:pt idx="1336">
                  <c:v>71.7</c:v>
                </c:pt>
                <c:pt idx="1337">
                  <c:v>71.7</c:v>
                </c:pt>
                <c:pt idx="1338">
                  <c:v>71.7</c:v>
                </c:pt>
                <c:pt idx="1339">
                  <c:v>71.599999999999994</c:v>
                </c:pt>
                <c:pt idx="1340">
                  <c:v>71.599999999999994</c:v>
                </c:pt>
                <c:pt idx="1341">
                  <c:v>71.599999999999994</c:v>
                </c:pt>
                <c:pt idx="1342">
                  <c:v>71.599999999999994</c:v>
                </c:pt>
                <c:pt idx="1343">
                  <c:v>71.599999999999994</c:v>
                </c:pt>
                <c:pt idx="1344">
                  <c:v>71.599999999999994</c:v>
                </c:pt>
                <c:pt idx="1345">
                  <c:v>71.599999999999994</c:v>
                </c:pt>
                <c:pt idx="1346">
                  <c:v>71.7</c:v>
                </c:pt>
                <c:pt idx="1347">
                  <c:v>71.7</c:v>
                </c:pt>
                <c:pt idx="1348">
                  <c:v>71.7</c:v>
                </c:pt>
                <c:pt idx="1349">
                  <c:v>71.7</c:v>
                </c:pt>
                <c:pt idx="1350">
                  <c:v>71.7</c:v>
                </c:pt>
                <c:pt idx="1351">
                  <c:v>71.7</c:v>
                </c:pt>
                <c:pt idx="1352">
                  <c:v>71.7</c:v>
                </c:pt>
                <c:pt idx="1353">
                  <c:v>71.7</c:v>
                </c:pt>
                <c:pt idx="1354">
                  <c:v>71.7</c:v>
                </c:pt>
                <c:pt idx="1355">
                  <c:v>71.7</c:v>
                </c:pt>
                <c:pt idx="1356">
                  <c:v>71.7</c:v>
                </c:pt>
                <c:pt idx="1357">
                  <c:v>71.599999999999994</c:v>
                </c:pt>
                <c:pt idx="1358">
                  <c:v>71.599999999999994</c:v>
                </c:pt>
                <c:pt idx="1359">
                  <c:v>71.599999999999994</c:v>
                </c:pt>
                <c:pt idx="1360">
                  <c:v>71.599999999999994</c:v>
                </c:pt>
                <c:pt idx="1361">
                  <c:v>71.5</c:v>
                </c:pt>
                <c:pt idx="1362">
                  <c:v>71.5</c:v>
                </c:pt>
                <c:pt idx="1363">
                  <c:v>71.5</c:v>
                </c:pt>
                <c:pt idx="1364">
                  <c:v>71.5</c:v>
                </c:pt>
                <c:pt idx="1365">
                  <c:v>71.5</c:v>
                </c:pt>
                <c:pt idx="1366">
                  <c:v>71.5</c:v>
                </c:pt>
                <c:pt idx="1367">
                  <c:v>71.5</c:v>
                </c:pt>
                <c:pt idx="1368">
                  <c:v>71.599999999999994</c:v>
                </c:pt>
                <c:pt idx="1369">
                  <c:v>71.599999999999994</c:v>
                </c:pt>
                <c:pt idx="1370">
                  <c:v>71.599999999999994</c:v>
                </c:pt>
                <c:pt idx="1371">
                  <c:v>71.7</c:v>
                </c:pt>
                <c:pt idx="1372">
                  <c:v>71.7</c:v>
                </c:pt>
                <c:pt idx="1373">
                  <c:v>71.8</c:v>
                </c:pt>
                <c:pt idx="1374">
                  <c:v>71.8</c:v>
                </c:pt>
                <c:pt idx="1375">
                  <c:v>71.900000000000006</c:v>
                </c:pt>
                <c:pt idx="1376">
                  <c:v>71.900000000000006</c:v>
                </c:pt>
                <c:pt idx="1377">
                  <c:v>72</c:v>
                </c:pt>
                <c:pt idx="1378">
                  <c:v>72</c:v>
                </c:pt>
                <c:pt idx="1379">
                  <c:v>72.099999999999994</c:v>
                </c:pt>
                <c:pt idx="1380">
                  <c:v>72.099999999999994</c:v>
                </c:pt>
                <c:pt idx="1381">
                  <c:v>72.099999999999994</c:v>
                </c:pt>
                <c:pt idx="1382">
                  <c:v>72.099999999999994</c:v>
                </c:pt>
                <c:pt idx="1383">
                  <c:v>72.099999999999994</c:v>
                </c:pt>
                <c:pt idx="1384">
                  <c:v>72.099999999999994</c:v>
                </c:pt>
                <c:pt idx="1385">
                  <c:v>72</c:v>
                </c:pt>
                <c:pt idx="1386">
                  <c:v>72</c:v>
                </c:pt>
                <c:pt idx="1387">
                  <c:v>71.900000000000006</c:v>
                </c:pt>
                <c:pt idx="1388">
                  <c:v>71.900000000000006</c:v>
                </c:pt>
                <c:pt idx="1389">
                  <c:v>71.900000000000006</c:v>
                </c:pt>
                <c:pt idx="1390">
                  <c:v>71.900000000000006</c:v>
                </c:pt>
                <c:pt idx="1391">
                  <c:v>71.8</c:v>
                </c:pt>
                <c:pt idx="1392">
                  <c:v>71.8</c:v>
                </c:pt>
                <c:pt idx="1393">
                  <c:v>71.8</c:v>
                </c:pt>
                <c:pt idx="1394">
                  <c:v>71.8</c:v>
                </c:pt>
                <c:pt idx="1395">
                  <c:v>71.8</c:v>
                </c:pt>
                <c:pt idx="1396">
                  <c:v>71.8</c:v>
                </c:pt>
                <c:pt idx="1397">
                  <c:v>71.900000000000006</c:v>
                </c:pt>
                <c:pt idx="1398">
                  <c:v>71.900000000000006</c:v>
                </c:pt>
                <c:pt idx="1399">
                  <c:v>72</c:v>
                </c:pt>
                <c:pt idx="1400">
                  <c:v>72.099999999999994</c:v>
                </c:pt>
                <c:pt idx="1401">
                  <c:v>72.2</c:v>
                </c:pt>
                <c:pt idx="1402">
                  <c:v>72.3</c:v>
                </c:pt>
                <c:pt idx="1403">
                  <c:v>72.400000000000006</c:v>
                </c:pt>
                <c:pt idx="1404">
                  <c:v>72.400000000000006</c:v>
                </c:pt>
                <c:pt idx="1405">
                  <c:v>72.400000000000006</c:v>
                </c:pt>
                <c:pt idx="1406">
                  <c:v>72.400000000000006</c:v>
                </c:pt>
                <c:pt idx="1407">
                  <c:v>72.3</c:v>
                </c:pt>
                <c:pt idx="1408">
                  <c:v>72.3</c:v>
                </c:pt>
                <c:pt idx="1409">
                  <c:v>72.2</c:v>
                </c:pt>
                <c:pt idx="1410">
                  <c:v>72.2</c:v>
                </c:pt>
                <c:pt idx="1411">
                  <c:v>72.099999999999994</c:v>
                </c:pt>
                <c:pt idx="1412">
                  <c:v>72.099999999999994</c:v>
                </c:pt>
                <c:pt idx="1413">
                  <c:v>72.099999999999994</c:v>
                </c:pt>
                <c:pt idx="1414">
                  <c:v>72</c:v>
                </c:pt>
                <c:pt idx="1415">
                  <c:v>72</c:v>
                </c:pt>
                <c:pt idx="1416">
                  <c:v>72</c:v>
                </c:pt>
                <c:pt idx="1417">
                  <c:v>71.900000000000006</c:v>
                </c:pt>
                <c:pt idx="1418">
                  <c:v>71.900000000000006</c:v>
                </c:pt>
                <c:pt idx="1419">
                  <c:v>71.900000000000006</c:v>
                </c:pt>
                <c:pt idx="1420">
                  <c:v>71.900000000000006</c:v>
                </c:pt>
                <c:pt idx="1421">
                  <c:v>71.8</c:v>
                </c:pt>
                <c:pt idx="1422">
                  <c:v>71.8</c:v>
                </c:pt>
                <c:pt idx="1423">
                  <c:v>71.8</c:v>
                </c:pt>
                <c:pt idx="1424">
                  <c:v>71.8</c:v>
                </c:pt>
                <c:pt idx="1425">
                  <c:v>71.8</c:v>
                </c:pt>
                <c:pt idx="1426">
                  <c:v>71.8</c:v>
                </c:pt>
                <c:pt idx="1427">
                  <c:v>71.7</c:v>
                </c:pt>
                <c:pt idx="1428">
                  <c:v>71.7</c:v>
                </c:pt>
                <c:pt idx="1429">
                  <c:v>71.7</c:v>
                </c:pt>
                <c:pt idx="1430">
                  <c:v>71.7</c:v>
                </c:pt>
                <c:pt idx="1431">
                  <c:v>71.7</c:v>
                </c:pt>
                <c:pt idx="1432">
                  <c:v>71.7</c:v>
                </c:pt>
                <c:pt idx="1433">
                  <c:v>71.7</c:v>
                </c:pt>
                <c:pt idx="1434">
                  <c:v>71.7</c:v>
                </c:pt>
                <c:pt idx="1435">
                  <c:v>71.7</c:v>
                </c:pt>
                <c:pt idx="1436">
                  <c:v>71.7</c:v>
                </c:pt>
                <c:pt idx="1437">
                  <c:v>71.7</c:v>
                </c:pt>
                <c:pt idx="1438">
                  <c:v>71.7</c:v>
                </c:pt>
                <c:pt idx="1439">
                  <c:v>71.7</c:v>
                </c:pt>
                <c:pt idx="1440">
                  <c:v>71.7</c:v>
                </c:pt>
                <c:pt idx="1441">
                  <c:v>71.8</c:v>
                </c:pt>
                <c:pt idx="1442">
                  <c:v>71.8</c:v>
                </c:pt>
                <c:pt idx="1443">
                  <c:v>71.8</c:v>
                </c:pt>
                <c:pt idx="1444">
                  <c:v>71.900000000000006</c:v>
                </c:pt>
                <c:pt idx="1445">
                  <c:v>71.900000000000006</c:v>
                </c:pt>
                <c:pt idx="1446">
                  <c:v>71.900000000000006</c:v>
                </c:pt>
                <c:pt idx="1447">
                  <c:v>71.900000000000006</c:v>
                </c:pt>
                <c:pt idx="1448">
                  <c:v>72</c:v>
                </c:pt>
                <c:pt idx="1449">
                  <c:v>72</c:v>
                </c:pt>
                <c:pt idx="1450">
                  <c:v>72</c:v>
                </c:pt>
                <c:pt idx="1451">
                  <c:v>72</c:v>
                </c:pt>
                <c:pt idx="1452">
                  <c:v>72</c:v>
                </c:pt>
                <c:pt idx="1453">
                  <c:v>72</c:v>
                </c:pt>
                <c:pt idx="1454">
                  <c:v>72</c:v>
                </c:pt>
                <c:pt idx="1455">
                  <c:v>72</c:v>
                </c:pt>
                <c:pt idx="1456">
                  <c:v>72</c:v>
                </c:pt>
                <c:pt idx="1457">
                  <c:v>72</c:v>
                </c:pt>
                <c:pt idx="1458">
                  <c:v>72</c:v>
                </c:pt>
                <c:pt idx="1459">
                  <c:v>72</c:v>
                </c:pt>
                <c:pt idx="1460">
                  <c:v>72</c:v>
                </c:pt>
                <c:pt idx="1461">
                  <c:v>72</c:v>
                </c:pt>
                <c:pt idx="1462">
                  <c:v>72</c:v>
                </c:pt>
                <c:pt idx="1463">
                  <c:v>72</c:v>
                </c:pt>
                <c:pt idx="1464">
                  <c:v>72</c:v>
                </c:pt>
                <c:pt idx="1465">
                  <c:v>72</c:v>
                </c:pt>
                <c:pt idx="1466">
                  <c:v>72.099999999999994</c:v>
                </c:pt>
                <c:pt idx="1467">
                  <c:v>72.099999999999994</c:v>
                </c:pt>
                <c:pt idx="1468">
                  <c:v>72.099999999999994</c:v>
                </c:pt>
                <c:pt idx="1469">
                  <c:v>72.099999999999994</c:v>
                </c:pt>
                <c:pt idx="1470">
                  <c:v>72.099999999999994</c:v>
                </c:pt>
                <c:pt idx="1471">
                  <c:v>72.099999999999994</c:v>
                </c:pt>
                <c:pt idx="1472">
                  <c:v>72.099999999999994</c:v>
                </c:pt>
                <c:pt idx="1473">
                  <c:v>72</c:v>
                </c:pt>
                <c:pt idx="1474">
                  <c:v>72</c:v>
                </c:pt>
                <c:pt idx="1475">
                  <c:v>72</c:v>
                </c:pt>
                <c:pt idx="1476">
                  <c:v>72</c:v>
                </c:pt>
                <c:pt idx="1477">
                  <c:v>71.900000000000006</c:v>
                </c:pt>
                <c:pt idx="1478">
                  <c:v>71.900000000000006</c:v>
                </c:pt>
                <c:pt idx="1479">
                  <c:v>71.900000000000006</c:v>
                </c:pt>
                <c:pt idx="1480">
                  <c:v>71.900000000000006</c:v>
                </c:pt>
                <c:pt idx="1481">
                  <c:v>72</c:v>
                </c:pt>
                <c:pt idx="1482">
                  <c:v>72</c:v>
                </c:pt>
                <c:pt idx="1483">
                  <c:v>72</c:v>
                </c:pt>
                <c:pt idx="1484">
                  <c:v>72.099999999999994</c:v>
                </c:pt>
                <c:pt idx="1485">
                  <c:v>72.2</c:v>
                </c:pt>
                <c:pt idx="1486">
                  <c:v>72.3</c:v>
                </c:pt>
                <c:pt idx="1487">
                  <c:v>72.3</c:v>
                </c:pt>
                <c:pt idx="1488">
                  <c:v>72.400000000000006</c:v>
                </c:pt>
                <c:pt idx="1489">
                  <c:v>72.400000000000006</c:v>
                </c:pt>
                <c:pt idx="1490">
                  <c:v>72.400000000000006</c:v>
                </c:pt>
                <c:pt idx="1491">
                  <c:v>72.400000000000006</c:v>
                </c:pt>
                <c:pt idx="1492">
                  <c:v>72.5</c:v>
                </c:pt>
                <c:pt idx="1493">
                  <c:v>72.599999999999994</c:v>
                </c:pt>
                <c:pt idx="1494">
                  <c:v>72.7</c:v>
                </c:pt>
                <c:pt idx="1495">
                  <c:v>72.8</c:v>
                </c:pt>
                <c:pt idx="1496">
                  <c:v>72.900000000000006</c:v>
                </c:pt>
                <c:pt idx="1497">
                  <c:v>73</c:v>
                </c:pt>
                <c:pt idx="1498">
                  <c:v>73</c:v>
                </c:pt>
                <c:pt idx="1499">
                  <c:v>73.099999999999994</c:v>
                </c:pt>
                <c:pt idx="1500">
                  <c:v>73.099999999999994</c:v>
                </c:pt>
                <c:pt idx="1501">
                  <c:v>73.099999999999994</c:v>
                </c:pt>
                <c:pt idx="1502">
                  <c:v>73.099999999999994</c:v>
                </c:pt>
                <c:pt idx="1503">
                  <c:v>73.099999999999994</c:v>
                </c:pt>
                <c:pt idx="1504">
                  <c:v>73.099999999999994</c:v>
                </c:pt>
                <c:pt idx="1505">
                  <c:v>73.2</c:v>
                </c:pt>
                <c:pt idx="1506">
                  <c:v>73.2</c:v>
                </c:pt>
                <c:pt idx="1507">
                  <c:v>73.2</c:v>
                </c:pt>
                <c:pt idx="1508">
                  <c:v>73.2</c:v>
                </c:pt>
                <c:pt idx="1509">
                  <c:v>73.2</c:v>
                </c:pt>
                <c:pt idx="1510">
                  <c:v>73.2</c:v>
                </c:pt>
                <c:pt idx="1511">
                  <c:v>73.2</c:v>
                </c:pt>
                <c:pt idx="1512">
                  <c:v>73.099999999999994</c:v>
                </c:pt>
                <c:pt idx="1513">
                  <c:v>73.099999999999994</c:v>
                </c:pt>
                <c:pt idx="1514">
                  <c:v>73.099999999999994</c:v>
                </c:pt>
                <c:pt idx="1515">
                  <c:v>73.2</c:v>
                </c:pt>
                <c:pt idx="1516">
                  <c:v>73.2</c:v>
                </c:pt>
                <c:pt idx="1517">
                  <c:v>73.3</c:v>
                </c:pt>
                <c:pt idx="1518">
                  <c:v>73.400000000000006</c:v>
                </c:pt>
                <c:pt idx="1519">
                  <c:v>73.599999999999994</c:v>
                </c:pt>
                <c:pt idx="1520">
                  <c:v>73.7</c:v>
                </c:pt>
                <c:pt idx="1521">
                  <c:v>73.900000000000006</c:v>
                </c:pt>
                <c:pt idx="1522">
                  <c:v>74</c:v>
                </c:pt>
                <c:pt idx="1523">
                  <c:v>74.099999999999994</c:v>
                </c:pt>
                <c:pt idx="1524">
                  <c:v>74.099999999999994</c:v>
                </c:pt>
                <c:pt idx="1525">
                  <c:v>74.2</c:v>
                </c:pt>
                <c:pt idx="1526">
                  <c:v>74.099999999999994</c:v>
                </c:pt>
                <c:pt idx="1527">
                  <c:v>74.099999999999994</c:v>
                </c:pt>
                <c:pt idx="1528">
                  <c:v>74.099999999999994</c:v>
                </c:pt>
                <c:pt idx="1529">
                  <c:v>74</c:v>
                </c:pt>
                <c:pt idx="1530">
                  <c:v>73.900000000000006</c:v>
                </c:pt>
                <c:pt idx="1531">
                  <c:v>73.900000000000006</c:v>
                </c:pt>
                <c:pt idx="1532">
                  <c:v>73.8</c:v>
                </c:pt>
                <c:pt idx="1533">
                  <c:v>73.8</c:v>
                </c:pt>
                <c:pt idx="1534">
                  <c:v>73.7</c:v>
                </c:pt>
                <c:pt idx="1535">
                  <c:v>73.7</c:v>
                </c:pt>
                <c:pt idx="1536">
                  <c:v>73.7</c:v>
                </c:pt>
                <c:pt idx="1537">
                  <c:v>73.7</c:v>
                </c:pt>
                <c:pt idx="1538">
                  <c:v>73.7</c:v>
                </c:pt>
                <c:pt idx="1539">
                  <c:v>73.7</c:v>
                </c:pt>
                <c:pt idx="1540">
                  <c:v>73.599999999999994</c:v>
                </c:pt>
                <c:pt idx="1541">
                  <c:v>73.599999999999994</c:v>
                </c:pt>
                <c:pt idx="1542">
                  <c:v>73.599999999999994</c:v>
                </c:pt>
                <c:pt idx="1543">
                  <c:v>73.599999999999994</c:v>
                </c:pt>
                <c:pt idx="1544">
                  <c:v>73.599999999999994</c:v>
                </c:pt>
                <c:pt idx="1545">
                  <c:v>73.599999999999994</c:v>
                </c:pt>
                <c:pt idx="1546">
                  <c:v>73.599999999999994</c:v>
                </c:pt>
                <c:pt idx="1547">
                  <c:v>73.5</c:v>
                </c:pt>
                <c:pt idx="1548">
                  <c:v>73.400000000000006</c:v>
                </c:pt>
                <c:pt idx="1549">
                  <c:v>73.400000000000006</c:v>
                </c:pt>
                <c:pt idx="1550">
                  <c:v>73.3</c:v>
                </c:pt>
                <c:pt idx="1551">
                  <c:v>73.3</c:v>
                </c:pt>
                <c:pt idx="1552">
                  <c:v>73.3</c:v>
                </c:pt>
                <c:pt idx="1553">
                  <c:v>73.3</c:v>
                </c:pt>
                <c:pt idx="1554">
                  <c:v>73.400000000000006</c:v>
                </c:pt>
                <c:pt idx="1555">
                  <c:v>73.400000000000006</c:v>
                </c:pt>
                <c:pt idx="1556">
                  <c:v>73.400000000000006</c:v>
                </c:pt>
                <c:pt idx="1557">
                  <c:v>73.400000000000006</c:v>
                </c:pt>
                <c:pt idx="1558">
                  <c:v>73.400000000000006</c:v>
                </c:pt>
                <c:pt idx="1559">
                  <c:v>73.400000000000006</c:v>
                </c:pt>
                <c:pt idx="1560">
                  <c:v>73.400000000000006</c:v>
                </c:pt>
                <c:pt idx="1561">
                  <c:v>73.400000000000006</c:v>
                </c:pt>
                <c:pt idx="1562">
                  <c:v>73.3</c:v>
                </c:pt>
                <c:pt idx="1563">
                  <c:v>73.3</c:v>
                </c:pt>
                <c:pt idx="1564">
                  <c:v>73.3</c:v>
                </c:pt>
                <c:pt idx="1565">
                  <c:v>73.3</c:v>
                </c:pt>
                <c:pt idx="1566">
                  <c:v>73.2</c:v>
                </c:pt>
                <c:pt idx="1567">
                  <c:v>73.2</c:v>
                </c:pt>
                <c:pt idx="1568">
                  <c:v>73.099999999999994</c:v>
                </c:pt>
                <c:pt idx="1569">
                  <c:v>73.099999999999994</c:v>
                </c:pt>
                <c:pt idx="1570">
                  <c:v>73</c:v>
                </c:pt>
                <c:pt idx="1571">
                  <c:v>73</c:v>
                </c:pt>
                <c:pt idx="1572">
                  <c:v>72.900000000000006</c:v>
                </c:pt>
                <c:pt idx="1573">
                  <c:v>72.900000000000006</c:v>
                </c:pt>
                <c:pt idx="1574">
                  <c:v>72.900000000000006</c:v>
                </c:pt>
                <c:pt idx="1575">
                  <c:v>72.900000000000006</c:v>
                </c:pt>
                <c:pt idx="1576">
                  <c:v>72.900000000000006</c:v>
                </c:pt>
                <c:pt idx="1577">
                  <c:v>72.900000000000006</c:v>
                </c:pt>
                <c:pt idx="1578">
                  <c:v>73</c:v>
                </c:pt>
                <c:pt idx="1579">
                  <c:v>73</c:v>
                </c:pt>
                <c:pt idx="1580">
                  <c:v>73</c:v>
                </c:pt>
                <c:pt idx="1581">
                  <c:v>73</c:v>
                </c:pt>
                <c:pt idx="1582">
                  <c:v>73.099999999999994</c:v>
                </c:pt>
                <c:pt idx="1583">
                  <c:v>73.2</c:v>
                </c:pt>
                <c:pt idx="1584">
                  <c:v>73.2</c:v>
                </c:pt>
                <c:pt idx="1585">
                  <c:v>73.2</c:v>
                </c:pt>
                <c:pt idx="1586">
                  <c:v>73.2</c:v>
                </c:pt>
                <c:pt idx="1587">
                  <c:v>73.2</c:v>
                </c:pt>
                <c:pt idx="1588">
                  <c:v>73.2</c:v>
                </c:pt>
                <c:pt idx="1589">
                  <c:v>73.2</c:v>
                </c:pt>
                <c:pt idx="1590">
                  <c:v>73.2</c:v>
                </c:pt>
                <c:pt idx="1591">
                  <c:v>73.2</c:v>
                </c:pt>
                <c:pt idx="1592">
                  <c:v>73.2</c:v>
                </c:pt>
                <c:pt idx="1593">
                  <c:v>73.3</c:v>
                </c:pt>
                <c:pt idx="1594">
                  <c:v>73.3</c:v>
                </c:pt>
                <c:pt idx="1595">
                  <c:v>73.400000000000006</c:v>
                </c:pt>
                <c:pt idx="1596">
                  <c:v>73.400000000000006</c:v>
                </c:pt>
                <c:pt idx="1597">
                  <c:v>73.5</c:v>
                </c:pt>
                <c:pt idx="1598">
                  <c:v>73.5</c:v>
                </c:pt>
                <c:pt idx="1599">
                  <c:v>73.5</c:v>
                </c:pt>
                <c:pt idx="1600">
                  <c:v>73.599999999999994</c:v>
                </c:pt>
                <c:pt idx="1601">
                  <c:v>73.599999999999994</c:v>
                </c:pt>
                <c:pt idx="1602">
                  <c:v>73.599999999999994</c:v>
                </c:pt>
                <c:pt idx="1603">
                  <c:v>73.599999999999994</c:v>
                </c:pt>
                <c:pt idx="1604">
                  <c:v>73.7</c:v>
                </c:pt>
                <c:pt idx="1605">
                  <c:v>73.8</c:v>
                </c:pt>
                <c:pt idx="1606">
                  <c:v>73.8</c:v>
                </c:pt>
                <c:pt idx="1607">
                  <c:v>73.900000000000006</c:v>
                </c:pt>
                <c:pt idx="1608">
                  <c:v>74</c:v>
                </c:pt>
                <c:pt idx="1609">
                  <c:v>74.099999999999994</c:v>
                </c:pt>
                <c:pt idx="1610">
                  <c:v>74.2</c:v>
                </c:pt>
                <c:pt idx="1611">
                  <c:v>74.2</c:v>
                </c:pt>
                <c:pt idx="1612">
                  <c:v>74.3</c:v>
                </c:pt>
                <c:pt idx="1613">
                  <c:v>74.400000000000006</c:v>
                </c:pt>
                <c:pt idx="1614">
                  <c:v>74.5</c:v>
                </c:pt>
                <c:pt idx="1615">
                  <c:v>74.5</c:v>
                </c:pt>
                <c:pt idx="1616">
                  <c:v>74.5</c:v>
                </c:pt>
                <c:pt idx="1617">
                  <c:v>74.5</c:v>
                </c:pt>
                <c:pt idx="1618">
                  <c:v>74.5</c:v>
                </c:pt>
                <c:pt idx="1619">
                  <c:v>74.5</c:v>
                </c:pt>
                <c:pt idx="1620">
                  <c:v>74.5</c:v>
                </c:pt>
                <c:pt idx="1621">
                  <c:v>74.5</c:v>
                </c:pt>
                <c:pt idx="1622">
                  <c:v>74.5</c:v>
                </c:pt>
                <c:pt idx="1623">
                  <c:v>74.400000000000006</c:v>
                </c:pt>
                <c:pt idx="1624">
                  <c:v>74.400000000000006</c:v>
                </c:pt>
                <c:pt idx="1625">
                  <c:v>74.3</c:v>
                </c:pt>
                <c:pt idx="1626">
                  <c:v>74.3</c:v>
                </c:pt>
                <c:pt idx="1627">
                  <c:v>74.2</c:v>
                </c:pt>
                <c:pt idx="1628">
                  <c:v>74.099999999999994</c:v>
                </c:pt>
                <c:pt idx="1629">
                  <c:v>74.099999999999994</c:v>
                </c:pt>
                <c:pt idx="1630">
                  <c:v>74</c:v>
                </c:pt>
                <c:pt idx="1631">
                  <c:v>74</c:v>
                </c:pt>
                <c:pt idx="1632">
                  <c:v>74</c:v>
                </c:pt>
                <c:pt idx="1633">
                  <c:v>73.900000000000006</c:v>
                </c:pt>
                <c:pt idx="1634">
                  <c:v>73.900000000000006</c:v>
                </c:pt>
                <c:pt idx="1635">
                  <c:v>73.8</c:v>
                </c:pt>
                <c:pt idx="1636">
                  <c:v>73.8</c:v>
                </c:pt>
                <c:pt idx="1637">
                  <c:v>73.7</c:v>
                </c:pt>
                <c:pt idx="1638">
                  <c:v>73.599999999999994</c:v>
                </c:pt>
                <c:pt idx="1639">
                  <c:v>73.5</c:v>
                </c:pt>
                <c:pt idx="1640">
                  <c:v>73.5</c:v>
                </c:pt>
                <c:pt idx="1641">
                  <c:v>73.400000000000006</c:v>
                </c:pt>
                <c:pt idx="1642">
                  <c:v>73.3</c:v>
                </c:pt>
                <c:pt idx="1643">
                  <c:v>73.3</c:v>
                </c:pt>
                <c:pt idx="1644">
                  <c:v>73.2</c:v>
                </c:pt>
                <c:pt idx="1645">
                  <c:v>73.099999999999994</c:v>
                </c:pt>
                <c:pt idx="1646">
                  <c:v>73.099999999999994</c:v>
                </c:pt>
                <c:pt idx="1647">
                  <c:v>73</c:v>
                </c:pt>
                <c:pt idx="1648">
                  <c:v>72.900000000000006</c:v>
                </c:pt>
                <c:pt idx="1649">
                  <c:v>72.900000000000006</c:v>
                </c:pt>
                <c:pt idx="1650">
                  <c:v>72.8</c:v>
                </c:pt>
                <c:pt idx="1651">
                  <c:v>72.8</c:v>
                </c:pt>
                <c:pt idx="1652">
                  <c:v>72.8</c:v>
                </c:pt>
                <c:pt idx="1653">
                  <c:v>72.7</c:v>
                </c:pt>
                <c:pt idx="1654">
                  <c:v>72.7</c:v>
                </c:pt>
                <c:pt idx="1655">
                  <c:v>72.7</c:v>
                </c:pt>
                <c:pt idx="1656">
                  <c:v>72.599999999999994</c:v>
                </c:pt>
                <c:pt idx="1657">
                  <c:v>72.599999999999994</c:v>
                </c:pt>
                <c:pt idx="1658">
                  <c:v>72.599999999999994</c:v>
                </c:pt>
                <c:pt idx="1659">
                  <c:v>72.599999999999994</c:v>
                </c:pt>
                <c:pt idx="1660">
                  <c:v>72.599999999999994</c:v>
                </c:pt>
                <c:pt idx="1661">
                  <c:v>72.7</c:v>
                </c:pt>
                <c:pt idx="1662">
                  <c:v>72.7</c:v>
                </c:pt>
                <c:pt idx="1663">
                  <c:v>72.8</c:v>
                </c:pt>
                <c:pt idx="1664">
                  <c:v>72.8</c:v>
                </c:pt>
                <c:pt idx="1665">
                  <c:v>72.900000000000006</c:v>
                </c:pt>
                <c:pt idx="1666">
                  <c:v>72.900000000000006</c:v>
                </c:pt>
                <c:pt idx="1667">
                  <c:v>73</c:v>
                </c:pt>
                <c:pt idx="1668">
                  <c:v>73</c:v>
                </c:pt>
                <c:pt idx="1669">
                  <c:v>73</c:v>
                </c:pt>
                <c:pt idx="1670">
                  <c:v>73</c:v>
                </c:pt>
                <c:pt idx="1671">
                  <c:v>73</c:v>
                </c:pt>
                <c:pt idx="1672">
                  <c:v>73</c:v>
                </c:pt>
                <c:pt idx="1673">
                  <c:v>73</c:v>
                </c:pt>
                <c:pt idx="1674">
                  <c:v>73</c:v>
                </c:pt>
                <c:pt idx="1675">
                  <c:v>73.099999999999994</c:v>
                </c:pt>
                <c:pt idx="1676">
                  <c:v>73.099999999999994</c:v>
                </c:pt>
                <c:pt idx="1677">
                  <c:v>73.099999999999994</c:v>
                </c:pt>
                <c:pt idx="1678">
                  <c:v>73.099999999999994</c:v>
                </c:pt>
                <c:pt idx="1679">
                  <c:v>73.2</c:v>
                </c:pt>
                <c:pt idx="1680">
                  <c:v>73.2</c:v>
                </c:pt>
                <c:pt idx="1681">
                  <c:v>73.2</c:v>
                </c:pt>
                <c:pt idx="1682">
                  <c:v>73.2</c:v>
                </c:pt>
                <c:pt idx="1683">
                  <c:v>73.2</c:v>
                </c:pt>
                <c:pt idx="1684">
                  <c:v>73.2</c:v>
                </c:pt>
                <c:pt idx="1685">
                  <c:v>73.2</c:v>
                </c:pt>
                <c:pt idx="1686">
                  <c:v>73.099999999999994</c:v>
                </c:pt>
                <c:pt idx="1687">
                  <c:v>73.099999999999994</c:v>
                </c:pt>
                <c:pt idx="1688">
                  <c:v>73</c:v>
                </c:pt>
                <c:pt idx="1689">
                  <c:v>73</c:v>
                </c:pt>
                <c:pt idx="1690">
                  <c:v>73</c:v>
                </c:pt>
                <c:pt idx="1691">
                  <c:v>72.900000000000006</c:v>
                </c:pt>
                <c:pt idx="1692">
                  <c:v>72.900000000000006</c:v>
                </c:pt>
                <c:pt idx="1693">
                  <c:v>73</c:v>
                </c:pt>
                <c:pt idx="1694">
                  <c:v>73</c:v>
                </c:pt>
                <c:pt idx="1695">
                  <c:v>73</c:v>
                </c:pt>
                <c:pt idx="1696">
                  <c:v>73.099999999999994</c:v>
                </c:pt>
                <c:pt idx="1697">
                  <c:v>73.099999999999994</c:v>
                </c:pt>
                <c:pt idx="1698">
                  <c:v>73.099999999999994</c:v>
                </c:pt>
                <c:pt idx="1699">
                  <c:v>73.099999999999994</c:v>
                </c:pt>
                <c:pt idx="1700">
                  <c:v>73.099999999999994</c:v>
                </c:pt>
                <c:pt idx="1701">
                  <c:v>73.099999999999994</c:v>
                </c:pt>
                <c:pt idx="1702">
                  <c:v>73.099999999999994</c:v>
                </c:pt>
                <c:pt idx="1703">
                  <c:v>73.099999999999994</c:v>
                </c:pt>
                <c:pt idx="1704">
                  <c:v>73.099999999999994</c:v>
                </c:pt>
                <c:pt idx="1705">
                  <c:v>73.099999999999994</c:v>
                </c:pt>
                <c:pt idx="1706">
                  <c:v>73.099999999999994</c:v>
                </c:pt>
                <c:pt idx="1707">
                  <c:v>73.099999999999994</c:v>
                </c:pt>
                <c:pt idx="1708">
                  <c:v>73.099999999999994</c:v>
                </c:pt>
                <c:pt idx="1709">
                  <c:v>73.099999999999994</c:v>
                </c:pt>
                <c:pt idx="1710">
                  <c:v>73.099999999999994</c:v>
                </c:pt>
                <c:pt idx="1711">
                  <c:v>73.2</c:v>
                </c:pt>
                <c:pt idx="1712">
                  <c:v>73.2</c:v>
                </c:pt>
                <c:pt idx="1713">
                  <c:v>73.2</c:v>
                </c:pt>
                <c:pt idx="1714">
                  <c:v>73.3</c:v>
                </c:pt>
                <c:pt idx="1715">
                  <c:v>73.3</c:v>
                </c:pt>
                <c:pt idx="1716">
                  <c:v>73.400000000000006</c:v>
                </c:pt>
                <c:pt idx="1717">
                  <c:v>73.400000000000006</c:v>
                </c:pt>
                <c:pt idx="1718">
                  <c:v>73.5</c:v>
                </c:pt>
                <c:pt idx="1719">
                  <c:v>73.5</c:v>
                </c:pt>
                <c:pt idx="1720">
                  <c:v>73.599999999999994</c:v>
                </c:pt>
                <c:pt idx="1721">
                  <c:v>73.599999999999994</c:v>
                </c:pt>
                <c:pt idx="1722">
                  <c:v>73.599999999999994</c:v>
                </c:pt>
                <c:pt idx="1723">
                  <c:v>73.7</c:v>
                </c:pt>
                <c:pt idx="1724">
                  <c:v>73.7</c:v>
                </c:pt>
                <c:pt idx="1725">
                  <c:v>73.7</c:v>
                </c:pt>
                <c:pt idx="1726">
                  <c:v>73.7</c:v>
                </c:pt>
                <c:pt idx="1727">
                  <c:v>73.8</c:v>
                </c:pt>
                <c:pt idx="1728">
                  <c:v>73.8</c:v>
                </c:pt>
                <c:pt idx="1729">
                  <c:v>73.8</c:v>
                </c:pt>
                <c:pt idx="1730">
                  <c:v>73.8</c:v>
                </c:pt>
                <c:pt idx="1731">
                  <c:v>73.8</c:v>
                </c:pt>
                <c:pt idx="1732">
                  <c:v>73.8</c:v>
                </c:pt>
                <c:pt idx="1733">
                  <c:v>73.7</c:v>
                </c:pt>
                <c:pt idx="1734">
                  <c:v>73.7</c:v>
                </c:pt>
                <c:pt idx="1735">
                  <c:v>73.7</c:v>
                </c:pt>
                <c:pt idx="1736">
                  <c:v>73.8</c:v>
                </c:pt>
                <c:pt idx="1737">
                  <c:v>73.8</c:v>
                </c:pt>
                <c:pt idx="1738">
                  <c:v>73.900000000000006</c:v>
                </c:pt>
                <c:pt idx="1739">
                  <c:v>73.900000000000006</c:v>
                </c:pt>
                <c:pt idx="1740">
                  <c:v>73.900000000000006</c:v>
                </c:pt>
                <c:pt idx="1741">
                  <c:v>74</c:v>
                </c:pt>
                <c:pt idx="1742">
                  <c:v>73.900000000000006</c:v>
                </c:pt>
                <c:pt idx="1743">
                  <c:v>73.900000000000006</c:v>
                </c:pt>
                <c:pt idx="1744">
                  <c:v>73.900000000000006</c:v>
                </c:pt>
                <c:pt idx="1745">
                  <c:v>73.900000000000006</c:v>
                </c:pt>
                <c:pt idx="1746">
                  <c:v>73.900000000000006</c:v>
                </c:pt>
                <c:pt idx="1747">
                  <c:v>73.900000000000006</c:v>
                </c:pt>
                <c:pt idx="1748">
                  <c:v>73.900000000000006</c:v>
                </c:pt>
                <c:pt idx="1749">
                  <c:v>73.900000000000006</c:v>
                </c:pt>
                <c:pt idx="1750">
                  <c:v>73.900000000000006</c:v>
                </c:pt>
                <c:pt idx="1751">
                  <c:v>73.900000000000006</c:v>
                </c:pt>
                <c:pt idx="1752">
                  <c:v>73.900000000000006</c:v>
                </c:pt>
                <c:pt idx="1753">
                  <c:v>73.8</c:v>
                </c:pt>
                <c:pt idx="1754">
                  <c:v>73.8</c:v>
                </c:pt>
                <c:pt idx="1755">
                  <c:v>73.7</c:v>
                </c:pt>
                <c:pt idx="1756">
                  <c:v>73.7</c:v>
                </c:pt>
                <c:pt idx="1757">
                  <c:v>73.599999999999994</c:v>
                </c:pt>
                <c:pt idx="1758">
                  <c:v>73.599999999999994</c:v>
                </c:pt>
                <c:pt idx="1759">
                  <c:v>73.599999999999994</c:v>
                </c:pt>
                <c:pt idx="1760">
                  <c:v>73.599999999999994</c:v>
                </c:pt>
                <c:pt idx="1761">
                  <c:v>73.5</c:v>
                </c:pt>
                <c:pt idx="1762">
                  <c:v>73.5</c:v>
                </c:pt>
                <c:pt idx="1763">
                  <c:v>73.5</c:v>
                </c:pt>
                <c:pt idx="1764">
                  <c:v>73.400000000000006</c:v>
                </c:pt>
                <c:pt idx="1765">
                  <c:v>73.400000000000006</c:v>
                </c:pt>
                <c:pt idx="1766">
                  <c:v>73.400000000000006</c:v>
                </c:pt>
                <c:pt idx="1767">
                  <c:v>73.3</c:v>
                </c:pt>
                <c:pt idx="1768">
                  <c:v>73.3</c:v>
                </c:pt>
                <c:pt idx="1769">
                  <c:v>73.3</c:v>
                </c:pt>
                <c:pt idx="1770">
                  <c:v>73.2</c:v>
                </c:pt>
                <c:pt idx="1771">
                  <c:v>73.2</c:v>
                </c:pt>
                <c:pt idx="1772">
                  <c:v>73.2</c:v>
                </c:pt>
                <c:pt idx="1773">
                  <c:v>73.2</c:v>
                </c:pt>
                <c:pt idx="1774">
                  <c:v>73.2</c:v>
                </c:pt>
                <c:pt idx="1775">
                  <c:v>73.2</c:v>
                </c:pt>
                <c:pt idx="1776">
                  <c:v>73.099999999999994</c:v>
                </c:pt>
                <c:pt idx="1777">
                  <c:v>73.099999999999994</c:v>
                </c:pt>
                <c:pt idx="1778">
                  <c:v>73.099999999999994</c:v>
                </c:pt>
                <c:pt idx="1779">
                  <c:v>73.099999999999994</c:v>
                </c:pt>
                <c:pt idx="1780">
                  <c:v>73</c:v>
                </c:pt>
                <c:pt idx="1781">
                  <c:v>73</c:v>
                </c:pt>
                <c:pt idx="1782">
                  <c:v>73</c:v>
                </c:pt>
                <c:pt idx="1783">
                  <c:v>73</c:v>
                </c:pt>
                <c:pt idx="1784">
                  <c:v>72.900000000000006</c:v>
                </c:pt>
                <c:pt idx="1785">
                  <c:v>72.900000000000006</c:v>
                </c:pt>
                <c:pt idx="1786">
                  <c:v>72.900000000000006</c:v>
                </c:pt>
                <c:pt idx="1787">
                  <c:v>72.900000000000006</c:v>
                </c:pt>
                <c:pt idx="1788">
                  <c:v>72.8</c:v>
                </c:pt>
                <c:pt idx="1789">
                  <c:v>72.8</c:v>
                </c:pt>
                <c:pt idx="1790">
                  <c:v>72.8</c:v>
                </c:pt>
                <c:pt idx="1791">
                  <c:v>72.8</c:v>
                </c:pt>
                <c:pt idx="1792">
                  <c:v>72.8</c:v>
                </c:pt>
                <c:pt idx="1793">
                  <c:v>72.900000000000006</c:v>
                </c:pt>
                <c:pt idx="1794">
                  <c:v>72.900000000000006</c:v>
                </c:pt>
                <c:pt idx="1795">
                  <c:v>73</c:v>
                </c:pt>
                <c:pt idx="1796">
                  <c:v>73</c:v>
                </c:pt>
                <c:pt idx="1797">
                  <c:v>73</c:v>
                </c:pt>
                <c:pt idx="1798">
                  <c:v>73</c:v>
                </c:pt>
                <c:pt idx="1799">
                  <c:v>7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606-4773-9239-613BFFFCF1C8}"/>
            </c:ext>
          </c:extLst>
        </c:ser>
        <c:ser>
          <c:idx val="1"/>
          <c:order val="1"/>
          <c:tx>
            <c:strRef>
              <c:f>'30Outside'!$E$1</c:f>
              <c:strCache>
                <c:ptCount val="1"/>
                <c:pt idx="0">
                  <c:v>soilHUM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'30Outside'!$A$2:$A$1801</c:f>
              <c:numCache>
                <c:formatCode>General</c:formatCode>
                <c:ptCount val="1800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1</c:v>
                </c:pt>
                <c:pt idx="1002">
                  <c:v>1002</c:v>
                </c:pt>
                <c:pt idx="1003">
                  <c:v>1003</c:v>
                </c:pt>
                <c:pt idx="1004">
                  <c:v>1004</c:v>
                </c:pt>
                <c:pt idx="1005">
                  <c:v>1005</c:v>
                </c:pt>
                <c:pt idx="1006">
                  <c:v>1006</c:v>
                </c:pt>
                <c:pt idx="1007">
                  <c:v>1007</c:v>
                </c:pt>
                <c:pt idx="1008">
                  <c:v>1008</c:v>
                </c:pt>
                <c:pt idx="1009">
                  <c:v>1009</c:v>
                </c:pt>
                <c:pt idx="1010">
                  <c:v>1010</c:v>
                </c:pt>
                <c:pt idx="1011">
                  <c:v>1011</c:v>
                </c:pt>
                <c:pt idx="1012">
                  <c:v>1012</c:v>
                </c:pt>
                <c:pt idx="1013">
                  <c:v>1013</c:v>
                </c:pt>
                <c:pt idx="1014">
                  <c:v>1014</c:v>
                </c:pt>
                <c:pt idx="1015">
                  <c:v>1015</c:v>
                </c:pt>
                <c:pt idx="1016">
                  <c:v>1016</c:v>
                </c:pt>
                <c:pt idx="1017">
                  <c:v>1017</c:v>
                </c:pt>
                <c:pt idx="1018">
                  <c:v>1018</c:v>
                </c:pt>
                <c:pt idx="1019">
                  <c:v>1019</c:v>
                </c:pt>
                <c:pt idx="1020">
                  <c:v>1020</c:v>
                </c:pt>
                <c:pt idx="1021">
                  <c:v>1021</c:v>
                </c:pt>
                <c:pt idx="1022">
                  <c:v>1022</c:v>
                </c:pt>
                <c:pt idx="1023">
                  <c:v>1023</c:v>
                </c:pt>
                <c:pt idx="1024">
                  <c:v>1024</c:v>
                </c:pt>
                <c:pt idx="1025">
                  <c:v>1025</c:v>
                </c:pt>
                <c:pt idx="1026">
                  <c:v>1026</c:v>
                </c:pt>
                <c:pt idx="1027">
                  <c:v>1027</c:v>
                </c:pt>
                <c:pt idx="1028">
                  <c:v>1028</c:v>
                </c:pt>
                <c:pt idx="1029">
                  <c:v>1029</c:v>
                </c:pt>
                <c:pt idx="1030">
                  <c:v>1030</c:v>
                </c:pt>
                <c:pt idx="1031">
                  <c:v>1031</c:v>
                </c:pt>
                <c:pt idx="1032">
                  <c:v>1032</c:v>
                </c:pt>
                <c:pt idx="1033">
                  <c:v>1033</c:v>
                </c:pt>
                <c:pt idx="1034">
                  <c:v>1034</c:v>
                </c:pt>
                <c:pt idx="1035">
                  <c:v>1035</c:v>
                </c:pt>
                <c:pt idx="1036">
                  <c:v>1036</c:v>
                </c:pt>
                <c:pt idx="1037">
                  <c:v>1037</c:v>
                </c:pt>
                <c:pt idx="1038">
                  <c:v>1038</c:v>
                </c:pt>
                <c:pt idx="1039">
                  <c:v>1039</c:v>
                </c:pt>
                <c:pt idx="1040">
                  <c:v>1040</c:v>
                </c:pt>
                <c:pt idx="1041">
                  <c:v>1041</c:v>
                </c:pt>
                <c:pt idx="1042">
                  <c:v>1042</c:v>
                </c:pt>
                <c:pt idx="1043">
                  <c:v>1043</c:v>
                </c:pt>
                <c:pt idx="1044">
                  <c:v>1044</c:v>
                </c:pt>
                <c:pt idx="1045">
                  <c:v>1045</c:v>
                </c:pt>
                <c:pt idx="1046">
                  <c:v>1046</c:v>
                </c:pt>
                <c:pt idx="1047">
                  <c:v>1047</c:v>
                </c:pt>
                <c:pt idx="1048">
                  <c:v>1048</c:v>
                </c:pt>
                <c:pt idx="1049">
                  <c:v>1049</c:v>
                </c:pt>
                <c:pt idx="1050">
                  <c:v>1050</c:v>
                </c:pt>
                <c:pt idx="1051">
                  <c:v>1051</c:v>
                </c:pt>
                <c:pt idx="1052">
                  <c:v>1052</c:v>
                </c:pt>
                <c:pt idx="1053">
                  <c:v>1053</c:v>
                </c:pt>
                <c:pt idx="1054">
                  <c:v>1054</c:v>
                </c:pt>
                <c:pt idx="1055">
                  <c:v>1055</c:v>
                </c:pt>
                <c:pt idx="1056">
                  <c:v>1056</c:v>
                </c:pt>
                <c:pt idx="1057">
                  <c:v>1057</c:v>
                </c:pt>
                <c:pt idx="1058">
                  <c:v>1058</c:v>
                </c:pt>
                <c:pt idx="1059">
                  <c:v>1059</c:v>
                </c:pt>
                <c:pt idx="1060">
                  <c:v>1060</c:v>
                </c:pt>
                <c:pt idx="1061">
                  <c:v>1061</c:v>
                </c:pt>
                <c:pt idx="1062">
                  <c:v>1062</c:v>
                </c:pt>
                <c:pt idx="1063">
                  <c:v>1063</c:v>
                </c:pt>
                <c:pt idx="1064">
                  <c:v>1064</c:v>
                </c:pt>
                <c:pt idx="1065">
                  <c:v>1065</c:v>
                </c:pt>
                <c:pt idx="1066">
                  <c:v>1066</c:v>
                </c:pt>
                <c:pt idx="1067">
                  <c:v>1067</c:v>
                </c:pt>
                <c:pt idx="1068">
                  <c:v>1068</c:v>
                </c:pt>
                <c:pt idx="1069">
                  <c:v>1069</c:v>
                </c:pt>
                <c:pt idx="1070">
                  <c:v>1070</c:v>
                </c:pt>
                <c:pt idx="1071">
                  <c:v>1071</c:v>
                </c:pt>
                <c:pt idx="1072">
                  <c:v>1072</c:v>
                </c:pt>
                <c:pt idx="1073">
                  <c:v>1073</c:v>
                </c:pt>
                <c:pt idx="1074">
                  <c:v>1074</c:v>
                </c:pt>
                <c:pt idx="1075">
                  <c:v>1075</c:v>
                </c:pt>
                <c:pt idx="1076">
                  <c:v>1076</c:v>
                </c:pt>
                <c:pt idx="1077">
                  <c:v>1077</c:v>
                </c:pt>
                <c:pt idx="1078">
                  <c:v>1078</c:v>
                </c:pt>
                <c:pt idx="1079">
                  <c:v>1079</c:v>
                </c:pt>
                <c:pt idx="1080">
                  <c:v>1080</c:v>
                </c:pt>
                <c:pt idx="1081">
                  <c:v>1081</c:v>
                </c:pt>
                <c:pt idx="1082">
                  <c:v>1082</c:v>
                </c:pt>
                <c:pt idx="1083">
                  <c:v>1083</c:v>
                </c:pt>
                <c:pt idx="1084">
                  <c:v>1084</c:v>
                </c:pt>
                <c:pt idx="1085">
                  <c:v>1085</c:v>
                </c:pt>
                <c:pt idx="1086">
                  <c:v>1086</c:v>
                </c:pt>
                <c:pt idx="1087">
                  <c:v>1087</c:v>
                </c:pt>
                <c:pt idx="1088">
                  <c:v>1088</c:v>
                </c:pt>
                <c:pt idx="1089">
                  <c:v>1089</c:v>
                </c:pt>
                <c:pt idx="1090">
                  <c:v>1090</c:v>
                </c:pt>
                <c:pt idx="1091">
                  <c:v>1091</c:v>
                </c:pt>
                <c:pt idx="1092">
                  <c:v>1092</c:v>
                </c:pt>
                <c:pt idx="1093">
                  <c:v>1093</c:v>
                </c:pt>
                <c:pt idx="1094">
                  <c:v>1094</c:v>
                </c:pt>
                <c:pt idx="1095">
                  <c:v>1095</c:v>
                </c:pt>
                <c:pt idx="1096">
                  <c:v>1096</c:v>
                </c:pt>
                <c:pt idx="1097">
                  <c:v>1097</c:v>
                </c:pt>
                <c:pt idx="1098">
                  <c:v>1098</c:v>
                </c:pt>
                <c:pt idx="1099">
                  <c:v>1099</c:v>
                </c:pt>
                <c:pt idx="1100">
                  <c:v>1100</c:v>
                </c:pt>
                <c:pt idx="1101">
                  <c:v>1101</c:v>
                </c:pt>
                <c:pt idx="1102">
                  <c:v>1102</c:v>
                </c:pt>
                <c:pt idx="1103">
                  <c:v>1103</c:v>
                </c:pt>
                <c:pt idx="1104">
                  <c:v>1104</c:v>
                </c:pt>
                <c:pt idx="1105">
                  <c:v>1105</c:v>
                </c:pt>
                <c:pt idx="1106">
                  <c:v>1106</c:v>
                </c:pt>
                <c:pt idx="1107">
                  <c:v>1107</c:v>
                </c:pt>
                <c:pt idx="1108">
                  <c:v>1108</c:v>
                </c:pt>
                <c:pt idx="1109">
                  <c:v>1109</c:v>
                </c:pt>
                <c:pt idx="1110">
                  <c:v>1110</c:v>
                </c:pt>
                <c:pt idx="1111">
                  <c:v>1111</c:v>
                </c:pt>
                <c:pt idx="1112">
                  <c:v>1112</c:v>
                </c:pt>
                <c:pt idx="1113">
                  <c:v>1113</c:v>
                </c:pt>
                <c:pt idx="1114">
                  <c:v>1114</c:v>
                </c:pt>
                <c:pt idx="1115">
                  <c:v>1115</c:v>
                </c:pt>
                <c:pt idx="1116">
                  <c:v>1116</c:v>
                </c:pt>
                <c:pt idx="1117">
                  <c:v>1117</c:v>
                </c:pt>
                <c:pt idx="1118">
                  <c:v>1118</c:v>
                </c:pt>
                <c:pt idx="1119">
                  <c:v>1119</c:v>
                </c:pt>
                <c:pt idx="1120">
                  <c:v>1120</c:v>
                </c:pt>
                <c:pt idx="1121">
                  <c:v>1121</c:v>
                </c:pt>
                <c:pt idx="1122">
                  <c:v>1122</c:v>
                </c:pt>
                <c:pt idx="1123">
                  <c:v>1123</c:v>
                </c:pt>
                <c:pt idx="1124">
                  <c:v>1124</c:v>
                </c:pt>
                <c:pt idx="1125">
                  <c:v>1125</c:v>
                </c:pt>
                <c:pt idx="1126">
                  <c:v>1126</c:v>
                </c:pt>
                <c:pt idx="1127">
                  <c:v>1127</c:v>
                </c:pt>
                <c:pt idx="1128">
                  <c:v>1128</c:v>
                </c:pt>
                <c:pt idx="1129">
                  <c:v>1129</c:v>
                </c:pt>
                <c:pt idx="1130">
                  <c:v>1130</c:v>
                </c:pt>
                <c:pt idx="1131">
                  <c:v>1131</c:v>
                </c:pt>
                <c:pt idx="1132">
                  <c:v>1132</c:v>
                </c:pt>
                <c:pt idx="1133">
                  <c:v>1133</c:v>
                </c:pt>
                <c:pt idx="1134">
                  <c:v>1134</c:v>
                </c:pt>
                <c:pt idx="1135">
                  <c:v>1135</c:v>
                </c:pt>
                <c:pt idx="1136">
                  <c:v>1136</c:v>
                </c:pt>
                <c:pt idx="1137">
                  <c:v>1137</c:v>
                </c:pt>
                <c:pt idx="1138">
                  <c:v>1138</c:v>
                </c:pt>
                <c:pt idx="1139">
                  <c:v>1139</c:v>
                </c:pt>
                <c:pt idx="1140">
                  <c:v>1140</c:v>
                </c:pt>
                <c:pt idx="1141">
                  <c:v>1141</c:v>
                </c:pt>
                <c:pt idx="1142">
                  <c:v>1142</c:v>
                </c:pt>
                <c:pt idx="1143">
                  <c:v>1143</c:v>
                </c:pt>
                <c:pt idx="1144">
                  <c:v>1144</c:v>
                </c:pt>
                <c:pt idx="1145">
                  <c:v>1145</c:v>
                </c:pt>
                <c:pt idx="1146">
                  <c:v>1146</c:v>
                </c:pt>
                <c:pt idx="1147">
                  <c:v>1147</c:v>
                </c:pt>
                <c:pt idx="1148">
                  <c:v>1148</c:v>
                </c:pt>
                <c:pt idx="1149">
                  <c:v>1149</c:v>
                </c:pt>
                <c:pt idx="1150">
                  <c:v>1150</c:v>
                </c:pt>
                <c:pt idx="1151">
                  <c:v>1151</c:v>
                </c:pt>
                <c:pt idx="1152">
                  <c:v>1152</c:v>
                </c:pt>
                <c:pt idx="1153">
                  <c:v>1153</c:v>
                </c:pt>
                <c:pt idx="1154">
                  <c:v>1154</c:v>
                </c:pt>
                <c:pt idx="1155">
                  <c:v>1155</c:v>
                </c:pt>
                <c:pt idx="1156">
                  <c:v>1156</c:v>
                </c:pt>
                <c:pt idx="1157">
                  <c:v>1157</c:v>
                </c:pt>
                <c:pt idx="1158">
                  <c:v>1158</c:v>
                </c:pt>
                <c:pt idx="1159">
                  <c:v>1159</c:v>
                </c:pt>
                <c:pt idx="1160">
                  <c:v>1160</c:v>
                </c:pt>
                <c:pt idx="1161">
                  <c:v>1161</c:v>
                </c:pt>
                <c:pt idx="1162">
                  <c:v>1162</c:v>
                </c:pt>
                <c:pt idx="1163">
                  <c:v>1163</c:v>
                </c:pt>
                <c:pt idx="1164">
                  <c:v>1164</c:v>
                </c:pt>
                <c:pt idx="1165">
                  <c:v>1165</c:v>
                </c:pt>
                <c:pt idx="1166">
                  <c:v>1166</c:v>
                </c:pt>
                <c:pt idx="1167">
                  <c:v>1167</c:v>
                </c:pt>
                <c:pt idx="1168">
                  <c:v>1168</c:v>
                </c:pt>
                <c:pt idx="1169">
                  <c:v>1169</c:v>
                </c:pt>
                <c:pt idx="1170">
                  <c:v>1170</c:v>
                </c:pt>
                <c:pt idx="1171">
                  <c:v>1171</c:v>
                </c:pt>
                <c:pt idx="1172">
                  <c:v>1172</c:v>
                </c:pt>
                <c:pt idx="1173">
                  <c:v>1173</c:v>
                </c:pt>
                <c:pt idx="1174">
                  <c:v>1174</c:v>
                </c:pt>
                <c:pt idx="1175">
                  <c:v>1175</c:v>
                </c:pt>
                <c:pt idx="1176">
                  <c:v>1176</c:v>
                </c:pt>
                <c:pt idx="1177">
                  <c:v>1177</c:v>
                </c:pt>
                <c:pt idx="1178">
                  <c:v>1178</c:v>
                </c:pt>
                <c:pt idx="1179">
                  <c:v>1179</c:v>
                </c:pt>
                <c:pt idx="1180">
                  <c:v>1180</c:v>
                </c:pt>
                <c:pt idx="1181">
                  <c:v>1181</c:v>
                </c:pt>
                <c:pt idx="1182">
                  <c:v>1182</c:v>
                </c:pt>
                <c:pt idx="1183">
                  <c:v>1183</c:v>
                </c:pt>
                <c:pt idx="1184">
                  <c:v>1184</c:v>
                </c:pt>
                <c:pt idx="1185">
                  <c:v>1185</c:v>
                </c:pt>
                <c:pt idx="1186">
                  <c:v>1186</c:v>
                </c:pt>
                <c:pt idx="1187">
                  <c:v>1187</c:v>
                </c:pt>
                <c:pt idx="1188">
                  <c:v>1188</c:v>
                </c:pt>
                <c:pt idx="1189">
                  <c:v>1189</c:v>
                </c:pt>
                <c:pt idx="1190">
                  <c:v>1190</c:v>
                </c:pt>
                <c:pt idx="1191">
                  <c:v>1191</c:v>
                </c:pt>
                <c:pt idx="1192">
                  <c:v>1192</c:v>
                </c:pt>
                <c:pt idx="1193">
                  <c:v>1193</c:v>
                </c:pt>
                <c:pt idx="1194">
                  <c:v>1194</c:v>
                </c:pt>
                <c:pt idx="1195">
                  <c:v>1195</c:v>
                </c:pt>
                <c:pt idx="1196">
                  <c:v>1196</c:v>
                </c:pt>
                <c:pt idx="1197">
                  <c:v>1197</c:v>
                </c:pt>
                <c:pt idx="1198">
                  <c:v>1198</c:v>
                </c:pt>
                <c:pt idx="1199">
                  <c:v>1199</c:v>
                </c:pt>
                <c:pt idx="1200">
                  <c:v>1200</c:v>
                </c:pt>
                <c:pt idx="1201">
                  <c:v>1201</c:v>
                </c:pt>
                <c:pt idx="1202">
                  <c:v>1202</c:v>
                </c:pt>
                <c:pt idx="1203">
                  <c:v>1203</c:v>
                </c:pt>
                <c:pt idx="1204">
                  <c:v>1204</c:v>
                </c:pt>
                <c:pt idx="1205">
                  <c:v>1205</c:v>
                </c:pt>
                <c:pt idx="1206">
                  <c:v>1206</c:v>
                </c:pt>
                <c:pt idx="1207">
                  <c:v>1207</c:v>
                </c:pt>
                <c:pt idx="1208">
                  <c:v>1208</c:v>
                </c:pt>
                <c:pt idx="1209">
                  <c:v>1209</c:v>
                </c:pt>
                <c:pt idx="1210">
                  <c:v>1210</c:v>
                </c:pt>
                <c:pt idx="1211">
                  <c:v>1211</c:v>
                </c:pt>
                <c:pt idx="1212">
                  <c:v>1212</c:v>
                </c:pt>
                <c:pt idx="1213">
                  <c:v>1213</c:v>
                </c:pt>
                <c:pt idx="1214">
                  <c:v>1214</c:v>
                </c:pt>
                <c:pt idx="1215">
                  <c:v>1215</c:v>
                </c:pt>
                <c:pt idx="1216">
                  <c:v>1216</c:v>
                </c:pt>
                <c:pt idx="1217">
                  <c:v>1217</c:v>
                </c:pt>
                <c:pt idx="1218">
                  <c:v>1218</c:v>
                </c:pt>
                <c:pt idx="1219">
                  <c:v>1219</c:v>
                </c:pt>
                <c:pt idx="1220">
                  <c:v>1220</c:v>
                </c:pt>
                <c:pt idx="1221">
                  <c:v>1221</c:v>
                </c:pt>
                <c:pt idx="1222">
                  <c:v>1222</c:v>
                </c:pt>
                <c:pt idx="1223">
                  <c:v>1223</c:v>
                </c:pt>
                <c:pt idx="1224">
                  <c:v>1224</c:v>
                </c:pt>
                <c:pt idx="1225">
                  <c:v>1225</c:v>
                </c:pt>
                <c:pt idx="1226">
                  <c:v>1226</c:v>
                </c:pt>
                <c:pt idx="1227">
                  <c:v>1227</c:v>
                </c:pt>
                <c:pt idx="1228">
                  <c:v>1228</c:v>
                </c:pt>
                <c:pt idx="1229">
                  <c:v>1229</c:v>
                </c:pt>
                <c:pt idx="1230">
                  <c:v>1230</c:v>
                </c:pt>
                <c:pt idx="1231">
                  <c:v>1231</c:v>
                </c:pt>
                <c:pt idx="1232">
                  <c:v>1232</c:v>
                </c:pt>
                <c:pt idx="1233">
                  <c:v>1233</c:v>
                </c:pt>
                <c:pt idx="1234">
                  <c:v>1234</c:v>
                </c:pt>
                <c:pt idx="1235">
                  <c:v>1235</c:v>
                </c:pt>
                <c:pt idx="1236">
                  <c:v>1236</c:v>
                </c:pt>
                <c:pt idx="1237">
                  <c:v>1237</c:v>
                </c:pt>
                <c:pt idx="1238">
                  <c:v>1238</c:v>
                </c:pt>
                <c:pt idx="1239">
                  <c:v>1239</c:v>
                </c:pt>
                <c:pt idx="1240">
                  <c:v>1240</c:v>
                </c:pt>
                <c:pt idx="1241">
                  <c:v>1241</c:v>
                </c:pt>
                <c:pt idx="1242">
                  <c:v>1242</c:v>
                </c:pt>
                <c:pt idx="1243">
                  <c:v>1243</c:v>
                </c:pt>
                <c:pt idx="1244">
                  <c:v>1244</c:v>
                </c:pt>
                <c:pt idx="1245">
                  <c:v>1245</c:v>
                </c:pt>
                <c:pt idx="1246">
                  <c:v>1246</c:v>
                </c:pt>
                <c:pt idx="1247">
                  <c:v>1247</c:v>
                </c:pt>
                <c:pt idx="1248">
                  <c:v>1248</c:v>
                </c:pt>
                <c:pt idx="1249">
                  <c:v>1249</c:v>
                </c:pt>
                <c:pt idx="1250">
                  <c:v>1250</c:v>
                </c:pt>
                <c:pt idx="1251">
                  <c:v>1251</c:v>
                </c:pt>
                <c:pt idx="1252">
                  <c:v>1252</c:v>
                </c:pt>
                <c:pt idx="1253">
                  <c:v>1253</c:v>
                </c:pt>
                <c:pt idx="1254">
                  <c:v>1254</c:v>
                </c:pt>
                <c:pt idx="1255">
                  <c:v>1255</c:v>
                </c:pt>
                <c:pt idx="1256">
                  <c:v>1256</c:v>
                </c:pt>
                <c:pt idx="1257">
                  <c:v>1257</c:v>
                </c:pt>
                <c:pt idx="1258">
                  <c:v>1258</c:v>
                </c:pt>
                <c:pt idx="1259">
                  <c:v>1259</c:v>
                </c:pt>
                <c:pt idx="1260">
                  <c:v>1260</c:v>
                </c:pt>
                <c:pt idx="1261">
                  <c:v>1261</c:v>
                </c:pt>
                <c:pt idx="1262">
                  <c:v>1262</c:v>
                </c:pt>
                <c:pt idx="1263">
                  <c:v>1263</c:v>
                </c:pt>
                <c:pt idx="1264">
                  <c:v>1264</c:v>
                </c:pt>
                <c:pt idx="1265">
                  <c:v>1265</c:v>
                </c:pt>
                <c:pt idx="1266">
                  <c:v>1266</c:v>
                </c:pt>
                <c:pt idx="1267">
                  <c:v>1267</c:v>
                </c:pt>
                <c:pt idx="1268">
                  <c:v>1268</c:v>
                </c:pt>
                <c:pt idx="1269">
                  <c:v>1269</c:v>
                </c:pt>
                <c:pt idx="1270">
                  <c:v>1270</c:v>
                </c:pt>
                <c:pt idx="1271">
                  <c:v>1271</c:v>
                </c:pt>
                <c:pt idx="1272">
                  <c:v>1272</c:v>
                </c:pt>
                <c:pt idx="1273">
                  <c:v>1273</c:v>
                </c:pt>
                <c:pt idx="1274">
                  <c:v>1274</c:v>
                </c:pt>
                <c:pt idx="1275">
                  <c:v>1275</c:v>
                </c:pt>
                <c:pt idx="1276">
                  <c:v>1276</c:v>
                </c:pt>
                <c:pt idx="1277">
                  <c:v>1277</c:v>
                </c:pt>
                <c:pt idx="1278">
                  <c:v>1278</c:v>
                </c:pt>
                <c:pt idx="1279">
                  <c:v>1279</c:v>
                </c:pt>
                <c:pt idx="1280">
                  <c:v>1280</c:v>
                </c:pt>
                <c:pt idx="1281">
                  <c:v>1281</c:v>
                </c:pt>
                <c:pt idx="1282">
                  <c:v>1282</c:v>
                </c:pt>
                <c:pt idx="1283">
                  <c:v>1283</c:v>
                </c:pt>
                <c:pt idx="1284">
                  <c:v>1284</c:v>
                </c:pt>
                <c:pt idx="1285">
                  <c:v>1285</c:v>
                </c:pt>
                <c:pt idx="1286">
                  <c:v>1286</c:v>
                </c:pt>
                <c:pt idx="1287">
                  <c:v>1287</c:v>
                </c:pt>
                <c:pt idx="1288">
                  <c:v>1288</c:v>
                </c:pt>
                <c:pt idx="1289">
                  <c:v>1289</c:v>
                </c:pt>
                <c:pt idx="1290">
                  <c:v>1290</c:v>
                </c:pt>
                <c:pt idx="1291">
                  <c:v>1291</c:v>
                </c:pt>
                <c:pt idx="1292">
                  <c:v>1292</c:v>
                </c:pt>
                <c:pt idx="1293">
                  <c:v>1293</c:v>
                </c:pt>
                <c:pt idx="1294">
                  <c:v>1294</c:v>
                </c:pt>
                <c:pt idx="1295">
                  <c:v>1295</c:v>
                </c:pt>
                <c:pt idx="1296">
                  <c:v>1296</c:v>
                </c:pt>
                <c:pt idx="1297">
                  <c:v>1297</c:v>
                </c:pt>
                <c:pt idx="1298">
                  <c:v>1298</c:v>
                </c:pt>
                <c:pt idx="1299">
                  <c:v>1299</c:v>
                </c:pt>
                <c:pt idx="1300">
                  <c:v>1300</c:v>
                </c:pt>
                <c:pt idx="1301">
                  <c:v>1301</c:v>
                </c:pt>
                <c:pt idx="1302">
                  <c:v>1302</c:v>
                </c:pt>
                <c:pt idx="1303">
                  <c:v>1303</c:v>
                </c:pt>
                <c:pt idx="1304">
                  <c:v>1304</c:v>
                </c:pt>
                <c:pt idx="1305">
                  <c:v>1305</c:v>
                </c:pt>
                <c:pt idx="1306">
                  <c:v>1306</c:v>
                </c:pt>
                <c:pt idx="1307">
                  <c:v>1307</c:v>
                </c:pt>
                <c:pt idx="1308">
                  <c:v>1308</c:v>
                </c:pt>
                <c:pt idx="1309">
                  <c:v>1309</c:v>
                </c:pt>
                <c:pt idx="1310">
                  <c:v>1310</c:v>
                </c:pt>
                <c:pt idx="1311">
                  <c:v>1311</c:v>
                </c:pt>
                <c:pt idx="1312">
                  <c:v>1312</c:v>
                </c:pt>
                <c:pt idx="1313">
                  <c:v>1313</c:v>
                </c:pt>
                <c:pt idx="1314">
                  <c:v>1314</c:v>
                </c:pt>
                <c:pt idx="1315">
                  <c:v>1315</c:v>
                </c:pt>
                <c:pt idx="1316">
                  <c:v>1316</c:v>
                </c:pt>
                <c:pt idx="1317">
                  <c:v>1317</c:v>
                </c:pt>
                <c:pt idx="1318">
                  <c:v>1318</c:v>
                </c:pt>
                <c:pt idx="1319">
                  <c:v>1319</c:v>
                </c:pt>
                <c:pt idx="1320">
                  <c:v>1320</c:v>
                </c:pt>
                <c:pt idx="1321">
                  <c:v>1321</c:v>
                </c:pt>
                <c:pt idx="1322">
                  <c:v>1322</c:v>
                </c:pt>
                <c:pt idx="1323">
                  <c:v>1323</c:v>
                </c:pt>
                <c:pt idx="1324">
                  <c:v>1324</c:v>
                </c:pt>
                <c:pt idx="1325">
                  <c:v>1325</c:v>
                </c:pt>
                <c:pt idx="1326">
                  <c:v>1326</c:v>
                </c:pt>
                <c:pt idx="1327">
                  <c:v>1327</c:v>
                </c:pt>
                <c:pt idx="1328">
                  <c:v>1328</c:v>
                </c:pt>
                <c:pt idx="1329">
                  <c:v>1329</c:v>
                </c:pt>
                <c:pt idx="1330">
                  <c:v>1330</c:v>
                </c:pt>
                <c:pt idx="1331">
                  <c:v>1331</c:v>
                </c:pt>
                <c:pt idx="1332">
                  <c:v>1332</c:v>
                </c:pt>
                <c:pt idx="1333">
                  <c:v>1333</c:v>
                </c:pt>
                <c:pt idx="1334">
                  <c:v>1334</c:v>
                </c:pt>
                <c:pt idx="1335">
                  <c:v>1335</c:v>
                </c:pt>
                <c:pt idx="1336">
                  <c:v>1336</c:v>
                </c:pt>
                <c:pt idx="1337">
                  <c:v>1337</c:v>
                </c:pt>
                <c:pt idx="1338">
                  <c:v>1338</c:v>
                </c:pt>
                <c:pt idx="1339">
                  <c:v>1339</c:v>
                </c:pt>
                <c:pt idx="1340">
                  <c:v>1340</c:v>
                </c:pt>
                <c:pt idx="1341">
                  <c:v>1341</c:v>
                </c:pt>
                <c:pt idx="1342">
                  <c:v>1342</c:v>
                </c:pt>
                <c:pt idx="1343">
                  <c:v>1343</c:v>
                </c:pt>
                <c:pt idx="1344">
                  <c:v>1344</c:v>
                </c:pt>
                <c:pt idx="1345">
                  <c:v>1345</c:v>
                </c:pt>
                <c:pt idx="1346">
                  <c:v>1346</c:v>
                </c:pt>
                <c:pt idx="1347">
                  <c:v>1347</c:v>
                </c:pt>
                <c:pt idx="1348">
                  <c:v>1348</c:v>
                </c:pt>
                <c:pt idx="1349">
                  <c:v>1349</c:v>
                </c:pt>
                <c:pt idx="1350">
                  <c:v>1350</c:v>
                </c:pt>
                <c:pt idx="1351">
                  <c:v>1351</c:v>
                </c:pt>
                <c:pt idx="1352">
                  <c:v>1352</c:v>
                </c:pt>
                <c:pt idx="1353">
                  <c:v>1353</c:v>
                </c:pt>
                <c:pt idx="1354">
                  <c:v>1354</c:v>
                </c:pt>
                <c:pt idx="1355">
                  <c:v>1355</c:v>
                </c:pt>
                <c:pt idx="1356">
                  <c:v>1356</c:v>
                </c:pt>
                <c:pt idx="1357">
                  <c:v>1357</c:v>
                </c:pt>
                <c:pt idx="1358">
                  <c:v>1358</c:v>
                </c:pt>
                <c:pt idx="1359">
                  <c:v>1359</c:v>
                </c:pt>
                <c:pt idx="1360">
                  <c:v>1360</c:v>
                </c:pt>
                <c:pt idx="1361">
                  <c:v>1361</c:v>
                </c:pt>
                <c:pt idx="1362">
                  <c:v>1362</c:v>
                </c:pt>
                <c:pt idx="1363">
                  <c:v>1363</c:v>
                </c:pt>
                <c:pt idx="1364">
                  <c:v>1364</c:v>
                </c:pt>
                <c:pt idx="1365">
                  <c:v>1365</c:v>
                </c:pt>
                <c:pt idx="1366">
                  <c:v>1366</c:v>
                </c:pt>
                <c:pt idx="1367">
                  <c:v>1367</c:v>
                </c:pt>
                <c:pt idx="1368">
                  <c:v>1368</c:v>
                </c:pt>
                <c:pt idx="1369">
                  <c:v>1369</c:v>
                </c:pt>
                <c:pt idx="1370">
                  <c:v>1370</c:v>
                </c:pt>
                <c:pt idx="1371">
                  <c:v>1371</c:v>
                </c:pt>
                <c:pt idx="1372">
                  <c:v>1372</c:v>
                </c:pt>
                <c:pt idx="1373">
                  <c:v>1373</c:v>
                </c:pt>
                <c:pt idx="1374">
                  <c:v>1374</c:v>
                </c:pt>
                <c:pt idx="1375">
                  <c:v>1375</c:v>
                </c:pt>
                <c:pt idx="1376">
                  <c:v>1376</c:v>
                </c:pt>
                <c:pt idx="1377">
                  <c:v>1377</c:v>
                </c:pt>
                <c:pt idx="1378">
                  <c:v>1378</c:v>
                </c:pt>
                <c:pt idx="1379">
                  <c:v>1379</c:v>
                </c:pt>
                <c:pt idx="1380">
                  <c:v>1380</c:v>
                </c:pt>
                <c:pt idx="1381">
                  <c:v>1381</c:v>
                </c:pt>
                <c:pt idx="1382">
                  <c:v>1382</c:v>
                </c:pt>
                <c:pt idx="1383">
                  <c:v>1383</c:v>
                </c:pt>
                <c:pt idx="1384">
                  <c:v>1384</c:v>
                </c:pt>
                <c:pt idx="1385">
                  <c:v>1385</c:v>
                </c:pt>
                <c:pt idx="1386">
                  <c:v>1386</c:v>
                </c:pt>
                <c:pt idx="1387">
                  <c:v>1387</c:v>
                </c:pt>
                <c:pt idx="1388">
                  <c:v>1388</c:v>
                </c:pt>
                <c:pt idx="1389">
                  <c:v>1389</c:v>
                </c:pt>
                <c:pt idx="1390">
                  <c:v>1390</c:v>
                </c:pt>
                <c:pt idx="1391">
                  <c:v>1391</c:v>
                </c:pt>
                <c:pt idx="1392">
                  <c:v>1392</c:v>
                </c:pt>
                <c:pt idx="1393">
                  <c:v>1393</c:v>
                </c:pt>
                <c:pt idx="1394">
                  <c:v>1394</c:v>
                </c:pt>
                <c:pt idx="1395">
                  <c:v>1395</c:v>
                </c:pt>
                <c:pt idx="1396">
                  <c:v>1396</c:v>
                </c:pt>
                <c:pt idx="1397">
                  <c:v>1397</c:v>
                </c:pt>
                <c:pt idx="1398">
                  <c:v>1398</c:v>
                </c:pt>
                <c:pt idx="1399">
                  <c:v>1399</c:v>
                </c:pt>
                <c:pt idx="1400">
                  <c:v>1400</c:v>
                </c:pt>
                <c:pt idx="1401">
                  <c:v>1401</c:v>
                </c:pt>
                <c:pt idx="1402">
                  <c:v>1402</c:v>
                </c:pt>
                <c:pt idx="1403">
                  <c:v>1403</c:v>
                </c:pt>
                <c:pt idx="1404">
                  <c:v>1404</c:v>
                </c:pt>
                <c:pt idx="1405">
                  <c:v>1405</c:v>
                </c:pt>
                <c:pt idx="1406">
                  <c:v>1406</c:v>
                </c:pt>
                <c:pt idx="1407">
                  <c:v>1407</c:v>
                </c:pt>
                <c:pt idx="1408">
                  <c:v>1408</c:v>
                </c:pt>
                <c:pt idx="1409">
                  <c:v>1409</c:v>
                </c:pt>
                <c:pt idx="1410">
                  <c:v>1410</c:v>
                </c:pt>
                <c:pt idx="1411">
                  <c:v>1411</c:v>
                </c:pt>
                <c:pt idx="1412">
                  <c:v>1412</c:v>
                </c:pt>
                <c:pt idx="1413">
                  <c:v>1413</c:v>
                </c:pt>
                <c:pt idx="1414">
                  <c:v>1414</c:v>
                </c:pt>
                <c:pt idx="1415">
                  <c:v>1415</c:v>
                </c:pt>
                <c:pt idx="1416">
                  <c:v>1416</c:v>
                </c:pt>
                <c:pt idx="1417">
                  <c:v>1417</c:v>
                </c:pt>
                <c:pt idx="1418">
                  <c:v>1418</c:v>
                </c:pt>
                <c:pt idx="1419">
                  <c:v>1419</c:v>
                </c:pt>
                <c:pt idx="1420">
                  <c:v>1420</c:v>
                </c:pt>
                <c:pt idx="1421">
                  <c:v>1421</c:v>
                </c:pt>
                <c:pt idx="1422">
                  <c:v>1422</c:v>
                </c:pt>
                <c:pt idx="1423">
                  <c:v>1423</c:v>
                </c:pt>
                <c:pt idx="1424">
                  <c:v>1424</c:v>
                </c:pt>
                <c:pt idx="1425">
                  <c:v>1425</c:v>
                </c:pt>
                <c:pt idx="1426">
                  <c:v>1426</c:v>
                </c:pt>
                <c:pt idx="1427">
                  <c:v>1427</c:v>
                </c:pt>
                <c:pt idx="1428">
                  <c:v>1428</c:v>
                </c:pt>
                <c:pt idx="1429">
                  <c:v>1429</c:v>
                </c:pt>
                <c:pt idx="1430">
                  <c:v>1430</c:v>
                </c:pt>
                <c:pt idx="1431">
                  <c:v>1431</c:v>
                </c:pt>
                <c:pt idx="1432">
                  <c:v>1432</c:v>
                </c:pt>
                <c:pt idx="1433">
                  <c:v>1433</c:v>
                </c:pt>
                <c:pt idx="1434">
                  <c:v>1434</c:v>
                </c:pt>
                <c:pt idx="1435">
                  <c:v>1435</c:v>
                </c:pt>
                <c:pt idx="1436">
                  <c:v>1436</c:v>
                </c:pt>
                <c:pt idx="1437">
                  <c:v>1437</c:v>
                </c:pt>
                <c:pt idx="1438">
                  <c:v>1438</c:v>
                </c:pt>
                <c:pt idx="1439">
                  <c:v>1439</c:v>
                </c:pt>
                <c:pt idx="1440">
                  <c:v>1440</c:v>
                </c:pt>
                <c:pt idx="1441">
                  <c:v>1441</c:v>
                </c:pt>
                <c:pt idx="1442">
                  <c:v>1442</c:v>
                </c:pt>
                <c:pt idx="1443">
                  <c:v>1443</c:v>
                </c:pt>
                <c:pt idx="1444">
                  <c:v>1444</c:v>
                </c:pt>
                <c:pt idx="1445">
                  <c:v>1445</c:v>
                </c:pt>
                <c:pt idx="1446">
                  <c:v>1446</c:v>
                </c:pt>
                <c:pt idx="1447">
                  <c:v>1447</c:v>
                </c:pt>
                <c:pt idx="1448">
                  <c:v>1448</c:v>
                </c:pt>
                <c:pt idx="1449">
                  <c:v>1449</c:v>
                </c:pt>
                <c:pt idx="1450">
                  <c:v>1450</c:v>
                </c:pt>
                <c:pt idx="1451">
                  <c:v>1451</c:v>
                </c:pt>
                <c:pt idx="1452">
                  <c:v>1452</c:v>
                </c:pt>
                <c:pt idx="1453">
                  <c:v>1453</c:v>
                </c:pt>
                <c:pt idx="1454">
                  <c:v>1454</c:v>
                </c:pt>
                <c:pt idx="1455">
                  <c:v>1455</c:v>
                </c:pt>
                <c:pt idx="1456">
                  <c:v>1456</c:v>
                </c:pt>
                <c:pt idx="1457">
                  <c:v>1457</c:v>
                </c:pt>
                <c:pt idx="1458">
                  <c:v>1458</c:v>
                </c:pt>
                <c:pt idx="1459">
                  <c:v>1459</c:v>
                </c:pt>
                <c:pt idx="1460">
                  <c:v>1460</c:v>
                </c:pt>
                <c:pt idx="1461">
                  <c:v>1461</c:v>
                </c:pt>
                <c:pt idx="1462">
                  <c:v>1462</c:v>
                </c:pt>
                <c:pt idx="1463">
                  <c:v>1463</c:v>
                </c:pt>
                <c:pt idx="1464">
                  <c:v>1464</c:v>
                </c:pt>
                <c:pt idx="1465">
                  <c:v>1465</c:v>
                </c:pt>
                <c:pt idx="1466">
                  <c:v>1466</c:v>
                </c:pt>
                <c:pt idx="1467">
                  <c:v>1467</c:v>
                </c:pt>
                <c:pt idx="1468">
                  <c:v>1468</c:v>
                </c:pt>
                <c:pt idx="1469">
                  <c:v>1469</c:v>
                </c:pt>
                <c:pt idx="1470">
                  <c:v>1470</c:v>
                </c:pt>
                <c:pt idx="1471">
                  <c:v>1471</c:v>
                </c:pt>
                <c:pt idx="1472">
                  <c:v>1472</c:v>
                </c:pt>
                <c:pt idx="1473">
                  <c:v>1473</c:v>
                </c:pt>
                <c:pt idx="1474">
                  <c:v>1474</c:v>
                </c:pt>
                <c:pt idx="1475">
                  <c:v>1475</c:v>
                </c:pt>
                <c:pt idx="1476">
                  <c:v>1476</c:v>
                </c:pt>
                <c:pt idx="1477">
                  <c:v>1477</c:v>
                </c:pt>
                <c:pt idx="1478">
                  <c:v>1478</c:v>
                </c:pt>
                <c:pt idx="1479">
                  <c:v>1479</c:v>
                </c:pt>
                <c:pt idx="1480">
                  <c:v>1480</c:v>
                </c:pt>
                <c:pt idx="1481">
                  <c:v>1481</c:v>
                </c:pt>
                <c:pt idx="1482">
                  <c:v>1482</c:v>
                </c:pt>
                <c:pt idx="1483">
                  <c:v>1483</c:v>
                </c:pt>
                <c:pt idx="1484">
                  <c:v>1484</c:v>
                </c:pt>
                <c:pt idx="1485">
                  <c:v>1485</c:v>
                </c:pt>
                <c:pt idx="1486">
                  <c:v>1486</c:v>
                </c:pt>
                <c:pt idx="1487">
                  <c:v>1487</c:v>
                </c:pt>
                <c:pt idx="1488">
                  <c:v>1488</c:v>
                </c:pt>
                <c:pt idx="1489">
                  <c:v>1489</c:v>
                </c:pt>
                <c:pt idx="1490">
                  <c:v>1490</c:v>
                </c:pt>
                <c:pt idx="1491">
                  <c:v>1491</c:v>
                </c:pt>
                <c:pt idx="1492">
                  <c:v>1492</c:v>
                </c:pt>
                <c:pt idx="1493">
                  <c:v>1493</c:v>
                </c:pt>
                <c:pt idx="1494">
                  <c:v>1494</c:v>
                </c:pt>
                <c:pt idx="1495">
                  <c:v>1495</c:v>
                </c:pt>
                <c:pt idx="1496">
                  <c:v>1496</c:v>
                </c:pt>
                <c:pt idx="1497">
                  <c:v>1497</c:v>
                </c:pt>
                <c:pt idx="1498">
                  <c:v>1498</c:v>
                </c:pt>
                <c:pt idx="1499">
                  <c:v>1499</c:v>
                </c:pt>
                <c:pt idx="1500">
                  <c:v>1500</c:v>
                </c:pt>
                <c:pt idx="1501">
                  <c:v>1501</c:v>
                </c:pt>
                <c:pt idx="1502">
                  <c:v>1502</c:v>
                </c:pt>
                <c:pt idx="1503">
                  <c:v>1503</c:v>
                </c:pt>
                <c:pt idx="1504">
                  <c:v>1504</c:v>
                </c:pt>
                <c:pt idx="1505">
                  <c:v>1505</c:v>
                </c:pt>
                <c:pt idx="1506">
                  <c:v>1506</c:v>
                </c:pt>
                <c:pt idx="1507">
                  <c:v>1507</c:v>
                </c:pt>
                <c:pt idx="1508">
                  <c:v>1508</c:v>
                </c:pt>
                <c:pt idx="1509">
                  <c:v>1509</c:v>
                </c:pt>
                <c:pt idx="1510">
                  <c:v>1510</c:v>
                </c:pt>
                <c:pt idx="1511">
                  <c:v>1511</c:v>
                </c:pt>
                <c:pt idx="1512">
                  <c:v>1512</c:v>
                </c:pt>
                <c:pt idx="1513">
                  <c:v>1513</c:v>
                </c:pt>
                <c:pt idx="1514">
                  <c:v>1514</c:v>
                </c:pt>
                <c:pt idx="1515">
                  <c:v>1515</c:v>
                </c:pt>
                <c:pt idx="1516">
                  <c:v>1516</c:v>
                </c:pt>
                <c:pt idx="1517">
                  <c:v>1517</c:v>
                </c:pt>
                <c:pt idx="1518">
                  <c:v>1518</c:v>
                </c:pt>
                <c:pt idx="1519">
                  <c:v>1519</c:v>
                </c:pt>
                <c:pt idx="1520">
                  <c:v>1520</c:v>
                </c:pt>
                <c:pt idx="1521">
                  <c:v>1521</c:v>
                </c:pt>
                <c:pt idx="1522">
                  <c:v>1522</c:v>
                </c:pt>
                <c:pt idx="1523">
                  <c:v>1523</c:v>
                </c:pt>
                <c:pt idx="1524">
                  <c:v>1524</c:v>
                </c:pt>
                <c:pt idx="1525">
                  <c:v>1525</c:v>
                </c:pt>
                <c:pt idx="1526">
                  <c:v>1526</c:v>
                </c:pt>
                <c:pt idx="1527">
                  <c:v>1527</c:v>
                </c:pt>
                <c:pt idx="1528">
                  <c:v>1528</c:v>
                </c:pt>
                <c:pt idx="1529">
                  <c:v>1529</c:v>
                </c:pt>
                <c:pt idx="1530">
                  <c:v>1530</c:v>
                </c:pt>
                <c:pt idx="1531">
                  <c:v>1531</c:v>
                </c:pt>
                <c:pt idx="1532">
                  <c:v>1532</c:v>
                </c:pt>
                <c:pt idx="1533">
                  <c:v>1533</c:v>
                </c:pt>
                <c:pt idx="1534">
                  <c:v>1534</c:v>
                </c:pt>
                <c:pt idx="1535">
                  <c:v>1535</c:v>
                </c:pt>
                <c:pt idx="1536">
                  <c:v>1536</c:v>
                </c:pt>
                <c:pt idx="1537">
                  <c:v>1537</c:v>
                </c:pt>
                <c:pt idx="1538">
                  <c:v>1538</c:v>
                </c:pt>
                <c:pt idx="1539">
                  <c:v>1539</c:v>
                </c:pt>
                <c:pt idx="1540">
                  <c:v>1540</c:v>
                </c:pt>
                <c:pt idx="1541">
                  <c:v>1541</c:v>
                </c:pt>
                <c:pt idx="1542">
                  <c:v>1542</c:v>
                </c:pt>
                <c:pt idx="1543">
                  <c:v>1543</c:v>
                </c:pt>
                <c:pt idx="1544">
                  <c:v>1544</c:v>
                </c:pt>
                <c:pt idx="1545">
                  <c:v>1545</c:v>
                </c:pt>
                <c:pt idx="1546">
                  <c:v>1546</c:v>
                </c:pt>
                <c:pt idx="1547">
                  <c:v>1547</c:v>
                </c:pt>
                <c:pt idx="1548">
                  <c:v>1548</c:v>
                </c:pt>
                <c:pt idx="1549">
                  <c:v>1549</c:v>
                </c:pt>
                <c:pt idx="1550">
                  <c:v>1550</c:v>
                </c:pt>
                <c:pt idx="1551">
                  <c:v>1551</c:v>
                </c:pt>
                <c:pt idx="1552">
                  <c:v>1552</c:v>
                </c:pt>
                <c:pt idx="1553">
                  <c:v>1553</c:v>
                </c:pt>
                <c:pt idx="1554">
                  <c:v>1554</c:v>
                </c:pt>
                <c:pt idx="1555">
                  <c:v>1555</c:v>
                </c:pt>
                <c:pt idx="1556">
                  <c:v>1556</c:v>
                </c:pt>
                <c:pt idx="1557">
                  <c:v>1557</c:v>
                </c:pt>
                <c:pt idx="1558">
                  <c:v>1558</c:v>
                </c:pt>
                <c:pt idx="1559">
                  <c:v>1559</c:v>
                </c:pt>
                <c:pt idx="1560">
                  <c:v>1560</c:v>
                </c:pt>
                <c:pt idx="1561">
                  <c:v>1561</c:v>
                </c:pt>
                <c:pt idx="1562">
                  <c:v>1562</c:v>
                </c:pt>
                <c:pt idx="1563">
                  <c:v>1563</c:v>
                </c:pt>
                <c:pt idx="1564">
                  <c:v>1564</c:v>
                </c:pt>
                <c:pt idx="1565">
                  <c:v>1565</c:v>
                </c:pt>
                <c:pt idx="1566">
                  <c:v>1566</c:v>
                </c:pt>
                <c:pt idx="1567">
                  <c:v>1567</c:v>
                </c:pt>
                <c:pt idx="1568">
                  <c:v>1568</c:v>
                </c:pt>
                <c:pt idx="1569">
                  <c:v>1569</c:v>
                </c:pt>
                <c:pt idx="1570">
                  <c:v>1570</c:v>
                </c:pt>
                <c:pt idx="1571">
                  <c:v>1571</c:v>
                </c:pt>
                <c:pt idx="1572">
                  <c:v>1572</c:v>
                </c:pt>
                <c:pt idx="1573">
                  <c:v>1573</c:v>
                </c:pt>
                <c:pt idx="1574">
                  <c:v>1574</c:v>
                </c:pt>
                <c:pt idx="1575">
                  <c:v>1575</c:v>
                </c:pt>
                <c:pt idx="1576">
                  <c:v>1576</c:v>
                </c:pt>
                <c:pt idx="1577">
                  <c:v>1577</c:v>
                </c:pt>
                <c:pt idx="1578">
                  <c:v>1578</c:v>
                </c:pt>
                <c:pt idx="1579">
                  <c:v>1579</c:v>
                </c:pt>
                <c:pt idx="1580">
                  <c:v>1580</c:v>
                </c:pt>
                <c:pt idx="1581">
                  <c:v>1581</c:v>
                </c:pt>
                <c:pt idx="1582">
                  <c:v>1582</c:v>
                </c:pt>
                <c:pt idx="1583">
                  <c:v>1583</c:v>
                </c:pt>
                <c:pt idx="1584">
                  <c:v>1584</c:v>
                </c:pt>
                <c:pt idx="1585">
                  <c:v>1585</c:v>
                </c:pt>
                <c:pt idx="1586">
                  <c:v>1586</c:v>
                </c:pt>
                <c:pt idx="1587">
                  <c:v>1587</c:v>
                </c:pt>
                <c:pt idx="1588">
                  <c:v>1588</c:v>
                </c:pt>
                <c:pt idx="1589">
                  <c:v>1589</c:v>
                </c:pt>
                <c:pt idx="1590">
                  <c:v>1590</c:v>
                </c:pt>
                <c:pt idx="1591">
                  <c:v>1591</c:v>
                </c:pt>
                <c:pt idx="1592">
                  <c:v>1592</c:v>
                </c:pt>
                <c:pt idx="1593">
                  <c:v>1593</c:v>
                </c:pt>
                <c:pt idx="1594">
                  <c:v>1594</c:v>
                </c:pt>
                <c:pt idx="1595">
                  <c:v>1595</c:v>
                </c:pt>
                <c:pt idx="1596">
                  <c:v>1596</c:v>
                </c:pt>
                <c:pt idx="1597">
                  <c:v>1597</c:v>
                </c:pt>
                <c:pt idx="1598">
                  <c:v>1598</c:v>
                </c:pt>
                <c:pt idx="1599">
                  <c:v>1599</c:v>
                </c:pt>
                <c:pt idx="1600">
                  <c:v>1600</c:v>
                </c:pt>
                <c:pt idx="1601">
                  <c:v>1601</c:v>
                </c:pt>
                <c:pt idx="1602">
                  <c:v>1602</c:v>
                </c:pt>
                <c:pt idx="1603">
                  <c:v>1603</c:v>
                </c:pt>
                <c:pt idx="1604">
                  <c:v>1604</c:v>
                </c:pt>
                <c:pt idx="1605">
                  <c:v>1605</c:v>
                </c:pt>
                <c:pt idx="1606">
                  <c:v>1606</c:v>
                </c:pt>
                <c:pt idx="1607">
                  <c:v>1607</c:v>
                </c:pt>
                <c:pt idx="1608">
                  <c:v>1608</c:v>
                </c:pt>
                <c:pt idx="1609">
                  <c:v>1609</c:v>
                </c:pt>
                <c:pt idx="1610">
                  <c:v>1610</c:v>
                </c:pt>
                <c:pt idx="1611">
                  <c:v>1611</c:v>
                </c:pt>
                <c:pt idx="1612">
                  <c:v>1612</c:v>
                </c:pt>
                <c:pt idx="1613">
                  <c:v>1613</c:v>
                </c:pt>
                <c:pt idx="1614">
                  <c:v>1614</c:v>
                </c:pt>
                <c:pt idx="1615">
                  <c:v>1615</c:v>
                </c:pt>
                <c:pt idx="1616">
                  <c:v>1616</c:v>
                </c:pt>
                <c:pt idx="1617">
                  <c:v>1617</c:v>
                </c:pt>
                <c:pt idx="1618">
                  <c:v>1618</c:v>
                </c:pt>
                <c:pt idx="1619">
                  <c:v>1619</c:v>
                </c:pt>
                <c:pt idx="1620">
                  <c:v>1620</c:v>
                </c:pt>
                <c:pt idx="1621">
                  <c:v>1621</c:v>
                </c:pt>
                <c:pt idx="1622">
                  <c:v>1622</c:v>
                </c:pt>
                <c:pt idx="1623">
                  <c:v>1623</c:v>
                </c:pt>
                <c:pt idx="1624">
                  <c:v>1624</c:v>
                </c:pt>
                <c:pt idx="1625">
                  <c:v>1625</c:v>
                </c:pt>
                <c:pt idx="1626">
                  <c:v>1626</c:v>
                </c:pt>
                <c:pt idx="1627">
                  <c:v>1627</c:v>
                </c:pt>
                <c:pt idx="1628">
                  <c:v>1628</c:v>
                </c:pt>
                <c:pt idx="1629">
                  <c:v>1629</c:v>
                </c:pt>
                <c:pt idx="1630">
                  <c:v>1630</c:v>
                </c:pt>
                <c:pt idx="1631">
                  <c:v>1631</c:v>
                </c:pt>
                <c:pt idx="1632">
                  <c:v>1632</c:v>
                </c:pt>
                <c:pt idx="1633">
                  <c:v>1633</c:v>
                </c:pt>
                <c:pt idx="1634">
                  <c:v>1634</c:v>
                </c:pt>
                <c:pt idx="1635">
                  <c:v>1635</c:v>
                </c:pt>
                <c:pt idx="1636">
                  <c:v>1636</c:v>
                </c:pt>
                <c:pt idx="1637">
                  <c:v>1637</c:v>
                </c:pt>
                <c:pt idx="1638">
                  <c:v>1638</c:v>
                </c:pt>
                <c:pt idx="1639">
                  <c:v>1639</c:v>
                </c:pt>
                <c:pt idx="1640">
                  <c:v>1640</c:v>
                </c:pt>
                <c:pt idx="1641">
                  <c:v>1641</c:v>
                </c:pt>
                <c:pt idx="1642">
                  <c:v>1642</c:v>
                </c:pt>
                <c:pt idx="1643">
                  <c:v>1643</c:v>
                </c:pt>
                <c:pt idx="1644">
                  <c:v>1644</c:v>
                </c:pt>
                <c:pt idx="1645">
                  <c:v>1645</c:v>
                </c:pt>
                <c:pt idx="1646">
                  <c:v>1646</c:v>
                </c:pt>
                <c:pt idx="1647">
                  <c:v>1647</c:v>
                </c:pt>
                <c:pt idx="1648">
                  <c:v>1648</c:v>
                </c:pt>
                <c:pt idx="1649">
                  <c:v>1649</c:v>
                </c:pt>
                <c:pt idx="1650">
                  <c:v>1650</c:v>
                </c:pt>
                <c:pt idx="1651">
                  <c:v>1651</c:v>
                </c:pt>
                <c:pt idx="1652">
                  <c:v>1652</c:v>
                </c:pt>
                <c:pt idx="1653">
                  <c:v>1653</c:v>
                </c:pt>
                <c:pt idx="1654">
                  <c:v>1654</c:v>
                </c:pt>
                <c:pt idx="1655">
                  <c:v>1655</c:v>
                </c:pt>
                <c:pt idx="1656">
                  <c:v>1656</c:v>
                </c:pt>
                <c:pt idx="1657">
                  <c:v>1657</c:v>
                </c:pt>
                <c:pt idx="1658">
                  <c:v>1658</c:v>
                </c:pt>
                <c:pt idx="1659">
                  <c:v>1659</c:v>
                </c:pt>
                <c:pt idx="1660">
                  <c:v>1660</c:v>
                </c:pt>
                <c:pt idx="1661">
                  <c:v>1661</c:v>
                </c:pt>
                <c:pt idx="1662">
                  <c:v>1662</c:v>
                </c:pt>
                <c:pt idx="1663">
                  <c:v>1663</c:v>
                </c:pt>
                <c:pt idx="1664">
                  <c:v>1664</c:v>
                </c:pt>
                <c:pt idx="1665">
                  <c:v>1665</c:v>
                </c:pt>
                <c:pt idx="1666">
                  <c:v>1666</c:v>
                </c:pt>
                <c:pt idx="1667">
                  <c:v>1667</c:v>
                </c:pt>
                <c:pt idx="1668">
                  <c:v>1668</c:v>
                </c:pt>
                <c:pt idx="1669">
                  <c:v>1669</c:v>
                </c:pt>
                <c:pt idx="1670">
                  <c:v>1670</c:v>
                </c:pt>
                <c:pt idx="1671">
                  <c:v>1671</c:v>
                </c:pt>
                <c:pt idx="1672">
                  <c:v>1672</c:v>
                </c:pt>
                <c:pt idx="1673">
                  <c:v>1673</c:v>
                </c:pt>
                <c:pt idx="1674">
                  <c:v>1674</c:v>
                </c:pt>
                <c:pt idx="1675">
                  <c:v>1675</c:v>
                </c:pt>
                <c:pt idx="1676">
                  <c:v>1676</c:v>
                </c:pt>
                <c:pt idx="1677">
                  <c:v>1677</c:v>
                </c:pt>
                <c:pt idx="1678">
                  <c:v>1678</c:v>
                </c:pt>
                <c:pt idx="1679">
                  <c:v>1679</c:v>
                </c:pt>
                <c:pt idx="1680">
                  <c:v>1680</c:v>
                </c:pt>
                <c:pt idx="1681">
                  <c:v>1681</c:v>
                </c:pt>
                <c:pt idx="1682">
                  <c:v>1682</c:v>
                </c:pt>
                <c:pt idx="1683">
                  <c:v>1683</c:v>
                </c:pt>
                <c:pt idx="1684">
                  <c:v>1684</c:v>
                </c:pt>
                <c:pt idx="1685">
                  <c:v>1685</c:v>
                </c:pt>
                <c:pt idx="1686">
                  <c:v>1686</c:v>
                </c:pt>
                <c:pt idx="1687">
                  <c:v>1687</c:v>
                </c:pt>
                <c:pt idx="1688">
                  <c:v>1688</c:v>
                </c:pt>
                <c:pt idx="1689">
                  <c:v>1689</c:v>
                </c:pt>
                <c:pt idx="1690">
                  <c:v>1690</c:v>
                </c:pt>
                <c:pt idx="1691">
                  <c:v>1691</c:v>
                </c:pt>
                <c:pt idx="1692">
                  <c:v>1692</c:v>
                </c:pt>
                <c:pt idx="1693">
                  <c:v>1693</c:v>
                </c:pt>
                <c:pt idx="1694">
                  <c:v>1694</c:v>
                </c:pt>
                <c:pt idx="1695">
                  <c:v>1695</c:v>
                </c:pt>
                <c:pt idx="1696">
                  <c:v>1696</c:v>
                </c:pt>
                <c:pt idx="1697">
                  <c:v>1697</c:v>
                </c:pt>
                <c:pt idx="1698">
                  <c:v>1698</c:v>
                </c:pt>
                <c:pt idx="1699">
                  <c:v>1699</c:v>
                </c:pt>
                <c:pt idx="1700">
                  <c:v>1700</c:v>
                </c:pt>
                <c:pt idx="1701">
                  <c:v>1701</c:v>
                </c:pt>
                <c:pt idx="1702">
                  <c:v>1702</c:v>
                </c:pt>
                <c:pt idx="1703">
                  <c:v>1703</c:v>
                </c:pt>
                <c:pt idx="1704">
                  <c:v>1704</c:v>
                </c:pt>
                <c:pt idx="1705">
                  <c:v>1705</c:v>
                </c:pt>
                <c:pt idx="1706">
                  <c:v>1706</c:v>
                </c:pt>
                <c:pt idx="1707">
                  <c:v>1707</c:v>
                </c:pt>
                <c:pt idx="1708">
                  <c:v>1708</c:v>
                </c:pt>
                <c:pt idx="1709">
                  <c:v>1709</c:v>
                </c:pt>
                <c:pt idx="1710">
                  <c:v>1710</c:v>
                </c:pt>
                <c:pt idx="1711">
                  <c:v>1711</c:v>
                </c:pt>
                <c:pt idx="1712">
                  <c:v>1712</c:v>
                </c:pt>
                <c:pt idx="1713">
                  <c:v>1713</c:v>
                </c:pt>
                <c:pt idx="1714">
                  <c:v>1714</c:v>
                </c:pt>
                <c:pt idx="1715">
                  <c:v>1715</c:v>
                </c:pt>
                <c:pt idx="1716">
                  <c:v>1716</c:v>
                </c:pt>
                <c:pt idx="1717">
                  <c:v>1717</c:v>
                </c:pt>
                <c:pt idx="1718">
                  <c:v>1718</c:v>
                </c:pt>
                <c:pt idx="1719">
                  <c:v>1719</c:v>
                </c:pt>
                <c:pt idx="1720">
                  <c:v>1720</c:v>
                </c:pt>
                <c:pt idx="1721">
                  <c:v>1721</c:v>
                </c:pt>
                <c:pt idx="1722">
                  <c:v>1722</c:v>
                </c:pt>
                <c:pt idx="1723">
                  <c:v>1723</c:v>
                </c:pt>
                <c:pt idx="1724">
                  <c:v>1724</c:v>
                </c:pt>
                <c:pt idx="1725">
                  <c:v>1725</c:v>
                </c:pt>
                <c:pt idx="1726">
                  <c:v>1726</c:v>
                </c:pt>
                <c:pt idx="1727">
                  <c:v>1727</c:v>
                </c:pt>
                <c:pt idx="1728">
                  <c:v>1728</c:v>
                </c:pt>
                <c:pt idx="1729">
                  <c:v>1729</c:v>
                </c:pt>
                <c:pt idx="1730">
                  <c:v>1730</c:v>
                </c:pt>
                <c:pt idx="1731">
                  <c:v>1731</c:v>
                </c:pt>
                <c:pt idx="1732">
                  <c:v>1732</c:v>
                </c:pt>
                <c:pt idx="1733">
                  <c:v>1733</c:v>
                </c:pt>
                <c:pt idx="1734">
                  <c:v>1734</c:v>
                </c:pt>
                <c:pt idx="1735">
                  <c:v>1735</c:v>
                </c:pt>
                <c:pt idx="1736">
                  <c:v>1736</c:v>
                </c:pt>
                <c:pt idx="1737">
                  <c:v>1737</c:v>
                </c:pt>
                <c:pt idx="1738">
                  <c:v>1738</c:v>
                </c:pt>
                <c:pt idx="1739">
                  <c:v>1739</c:v>
                </c:pt>
                <c:pt idx="1740">
                  <c:v>1740</c:v>
                </c:pt>
                <c:pt idx="1741">
                  <c:v>1741</c:v>
                </c:pt>
                <c:pt idx="1742">
                  <c:v>1742</c:v>
                </c:pt>
                <c:pt idx="1743">
                  <c:v>1743</c:v>
                </c:pt>
                <c:pt idx="1744">
                  <c:v>1744</c:v>
                </c:pt>
                <c:pt idx="1745">
                  <c:v>1745</c:v>
                </c:pt>
                <c:pt idx="1746">
                  <c:v>1746</c:v>
                </c:pt>
                <c:pt idx="1747">
                  <c:v>1747</c:v>
                </c:pt>
                <c:pt idx="1748">
                  <c:v>1748</c:v>
                </c:pt>
                <c:pt idx="1749">
                  <c:v>1749</c:v>
                </c:pt>
                <c:pt idx="1750">
                  <c:v>1750</c:v>
                </c:pt>
                <c:pt idx="1751">
                  <c:v>1751</c:v>
                </c:pt>
                <c:pt idx="1752">
                  <c:v>1752</c:v>
                </c:pt>
                <c:pt idx="1753">
                  <c:v>1753</c:v>
                </c:pt>
                <c:pt idx="1754">
                  <c:v>1754</c:v>
                </c:pt>
                <c:pt idx="1755">
                  <c:v>1755</c:v>
                </c:pt>
                <c:pt idx="1756">
                  <c:v>1756</c:v>
                </c:pt>
                <c:pt idx="1757">
                  <c:v>1757</c:v>
                </c:pt>
                <c:pt idx="1758">
                  <c:v>1758</c:v>
                </c:pt>
                <c:pt idx="1759">
                  <c:v>1759</c:v>
                </c:pt>
                <c:pt idx="1760">
                  <c:v>1760</c:v>
                </c:pt>
                <c:pt idx="1761">
                  <c:v>1761</c:v>
                </c:pt>
                <c:pt idx="1762">
                  <c:v>1762</c:v>
                </c:pt>
                <c:pt idx="1763">
                  <c:v>1763</c:v>
                </c:pt>
                <c:pt idx="1764">
                  <c:v>1764</c:v>
                </c:pt>
                <c:pt idx="1765">
                  <c:v>1765</c:v>
                </c:pt>
                <c:pt idx="1766">
                  <c:v>1766</c:v>
                </c:pt>
                <c:pt idx="1767">
                  <c:v>1767</c:v>
                </c:pt>
                <c:pt idx="1768">
                  <c:v>1768</c:v>
                </c:pt>
                <c:pt idx="1769">
                  <c:v>1769</c:v>
                </c:pt>
                <c:pt idx="1770">
                  <c:v>1770</c:v>
                </c:pt>
                <c:pt idx="1771">
                  <c:v>1771</c:v>
                </c:pt>
                <c:pt idx="1772">
                  <c:v>1772</c:v>
                </c:pt>
                <c:pt idx="1773">
                  <c:v>1773</c:v>
                </c:pt>
                <c:pt idx="1774">
                  <c:v>1774</c:v>
                </c:pt>
                <c:pt idx="1775">
                  <c:v>1775</c:v>
                </c:pt>
                <c:pt idx="1776">
                  <c:v>1776</c:v>
                </c:pt>
                <c:pt idx="1777">
                  <c:v>1777</c:v>
                </c:pt>
                <c:pt idx="1778">
                  <c:v>1778</c:v>
                </c:pt>
                <c:pt idx="1779">
                  <c:v>1779</c:v>
                </c:pt>
                <c:pt idx="1780">
                  <c:v>1780</c:v>
                </c:pt>
                <c:pt idx="1781">
                  <c:v>1781</c:v>
                </c:pt>
                <c:pt idx="1782">
                  <c:v>1782</c:v>
                </c:pt>
                <c:pt idx="1783">
                  <c:v>1783</c:v>
                </c:pt>
                <c:pt idx="1784">
                  <c:v>1784</c:v>
                </c:pt>
                <c:pt idx="1785">
                  <c:v>1785</c:v>
                </c:pt>
                <c:pt idx="1786">
                  <c:v>1786</c:v>
                </c:pt>
                <c:pt idx="1787">
                  <c:v>1787</c:v>
                </c:pt>
                <c:pt idx="1788">
                  <c:v>1788</c:v>
                </c:pt>
                <c:pt idx="1789">
                  <c:v>1789</c:v>
                </c:pt>
                <c:pt idx="1790">
                  <c:v>1790</c:v>
                </c:pt>
                <c:pt idx="1791">
                  <c:v>1791</c:v>
                </c:pt>
                <c:pt idx="1792">
                  <c:v>1792</c:v>
                </c:pt>
                <c:pt idx="1793">
                  <c:v>1793</c:v>
                </c:pt>
                <c:pt idx="1794">
                  <c:v>1794</c:v>
                </c:pt>
                <c:pt idx="1795">
                  <c:v>1795</c:v>
                </c:pt>
                <c:pt idx="1796">
                  <c:v>1796</c:v>
                </c:pt>
                <c:pt idx="1797">
                  <c:v>1797</c:v>
                </c:pt>
                <c:pt idx="1798">
                  <c:v>1798</c:v>
                </c:pt>
                <c:pt idx="1799">
                  <c:v>1799</c:v>
                </c:pt>
              </c:numCache>
            </c:numRef>
          </c:xVal>
          <c:yVal>
            <c:numRef>
              <c:f>'30Outside'!$E$2:$E$1801</c:f>
              <c:numCache>
                <c:formatCode>General</c:formatCode>
                <c:ptCount val="1800"/>
                <c:pt idx="0">
                  <c:v>52.493000000000002</c:v>
                </c:pt>
                <c:pt idx="1">
                  <c:v>52.59</c:v>
                </c:pt>
                <c:pt idx="2">
                  <c:v>52.884</c:v>
                </c:pt>
                <c:pt idx="3">
                  <c:v>52.884</c:v>
                </c:pt>
                <c:pt idx="4">
                  <c:v>53.079000000000001</c:v>
                </c:pt>
                <c:pt idx="5">
                  <c:v>52.884</c:v>
                </c:pt>
                <c:pt idx="6">
                  <c:v>52.981000000000002</c:v>
                </c:pt>
                <c:pt idx="7">
                  <c:v>53.079000000000001</c:v>
                </c:pt>
                <c:pt idx="8">
                  <c:v>53.177</c:v>
                </c:pt>
                <c:pt idx="9">
                  <c:v>53.177</c:v>
                </c:pt>
                <c:pt idx="10">
                  <c:v>53.274999999999999</c:v>
                </c:pt>
                <c:pt idx="11">
                  <c:v>53.372</c:v>
                </c:pt>
                <c:pt idx="12">
                  <c:v>53.274999999999999</c:v>
                </c:pt>
                <c:pt idx="13">
                  <c:v>53.372</c:v>
                </c:pt>
                <c:pt idx="14">
                  <c:v>53.372</c:v>
                </c:pt>
                <c:pt idx="15">
                  <c:v>53.372</c:v>
                </c:pt>
                <c:pt idx="16">
                  <c:v>53.274999999999999</c:v>
                </c:pt>
                <c:pt idx="17">
                  <c:v>53.47</c:v>
                </c:pt>
                <c:pt idx="18">
                  <c:v>53.47</c:v>
                </c:pt>
                <c:pt idx="19">
                  <c:v>53.665999999999997</c:v>
                </c:pt>
                <c:pt idx="20">
                  <c:v>53.47</c:v>
                </c:pt>
                <c:pt idx="21">
                  <c:v>53.372</c:v>
                </c:pt>
                <c:pt idx="22">
                  <c:v>53.47</c:v>
                </c:pt>
                <c:pt idx="23">
                  <c:v>53.47</c:v>
                </c:pt>
                <c:pt idx="24">
                  <c:v>53.665999999999997</c:v>
                </c:pt>
                <c:pt idx="25">
                  <c:v>53.567999999999998</c:v>
                </c:pt>
                <c:pt idx="26">
                  <c:v>53.567999999999998</c:v>
                </c:pt>
                <c:pt idx="27">
                  <c:v>53.47</c:v>
                </c:pt>
                <c:pt idx="28">
                  <c:v>53.47</c:v>
                </c:pt>
                <c:pt idx="29">
                  <c:v>53.47</c:v>
                </c:pt>
                <c:pt idx="30">
                  <c:v>53.372</c:v>
                </c:pt>
                <c:pt idx="31">
                  <c:v>53.372</c:v>
                </c:pt>
                <c:pt idx="32">
                  <c:v>53.372</c:v>
                </c:pt>
                <c:pt idx="33">
                  <c:v>53.372</c:v>
                </c:pt>
                <c:pt idx="34">
                  <c:v>53.567999999999998</c:v>
                </c:pt>
                <c:pt idx="35">
                  <c:v>53.665999999999997</c:v>
                </c:pt>
                <c:pt idx="36">
                  <c:v>53.665999999999997</c:v>
                </c:pt>
                <c:pt idx="37">
                  <c:v>53.567999999999998</c:v>
                </c:pt>
                <c:pt idx="38">
                  <c:v>53.665999999999997</c:v>
                </c:pt>
                <c:pt idx="39">
                  <c:v>53.762999999999998</c:v>
                </c:pt>
                <c:pt idx="40">
                  <c:v>53.762999999999998</c:v>
                </c:pt>
                <c:pt idx="41">
                  <c:v>53.567999999999998</c:v>
                </c:pt>
                <c:pt idx="42">
                  <c:v>53.665999999999997</c:v>
                </c:pt>
                <c:pt idx="43">
                  <c:v>53.47</c:v>
                </c:pt>
                <c:pt idx="44">
                  <c:v>53.47</c:v>
                </c:pt>
                <c:pt idx="45">
                  <c:v>53.567999999999998</c:v>
                </c:pt>
                <c:pt idx="46">
                  <c:v>53.372</c:v>
                </c:pt>
                <c:pt idx="47">
                  <c:v>53.47</c:v>
                </c:pt>
                <c:pt idx="48">
                  <c:v>53.665999999999997</c:v>
                </c:pt>
                <c:pt idx="49">
                  <c:v>53.567999999999998</c:v>
                </c:pt>
                <c:pt idx="50">
                  <c:v>53.665999999999997</c:v>
                </c:pt>
                <c:pt idx="51">
                  <c:v>53.47</c:v>
                </c:pt>
                <c:pt idx="52">
                  <c:v>53.567999999999998</c:v>
                </c:pt>
                <c:pt idx="53">
                  <c:v>53.665999999999997</c:v>
                </c:pt>
                <c:pt idx="54">
                  <c:v>53.665999999999997</c:v>
                </c:pt>
                <c:pt idx="55">
                  <c:v>53.762999999999998</c:v>
                </c:pt>
                <c:pt idx="56">
                  <c:v>53.860999999999997</c:v>
                </c:pt>
                <c:pt idx="57">
                  <c:v>53.860999999999997</c:v>
                </c:pt>
                <c:pt idx="58">
                  <c:v>53.860999999999997</c:v>
                </c:pt>
                <c:pt idx="59">
                  <c:v>53.860999999999997</c:v>
                </c:pt>
                <c:pt idx="60">
                  <c:v>53.762999999999998</c:v>
                </c:pt>
                <c:pt idx="61">
                  <c:v>53.762999999999998</c:v>
                </c:pt>
                <c:pt idx="62">
                  <c:v>53.762999999999998</c:v>
                </c:pt>
                <c:pt idx="63">
                  <c:v>53.762999999999998</c:v>
                </c:pt>
                <c:pt idx="64">
                  <c:v>53.665999999999997</c:v>
                </c:pt>
                <c:pt idx="65">
                  <c:v>53.665999999999997</c:v>
                </c:pt>
                <c:pt idx="66">
                  <c:v>53.762999999999998</c:v>
                </c:pt>
                <c:pt idx="67">
                  <c:v>53.762999999999998</c:v>
                </c:pt>
                <c:pt idx="68">
                  <c:v>53.665999999999997</c:v>
                </c:pt>
                <c:pt idx="69">
                  <c:v>53.665999999999997</c:v>
                </c:pt>
                <c:pt idx="70">
                  <c:v>53.762999999999998</c:v>
                </c:pt>
                <c:pt idx="71">
                  <c:v>53.665999999999997</c:v>
                </c:pt>
                <c:pt idx="72">
                  <c:v>53.665999999999997</c:v>
                </c:pt>
                <c:pt idx="73">
                  <c:v>53.567999999999998</c:v>
                </c:pt>
                <c:pt idx="74">
                  <c:v>53.47</c:v>
                </c:pt>
                <c:pt idx="75">
                  <c:v>53.665999999999997</c:v>
                </c:pt>
                <c:pt idx="76">
                  <c:v>53.567999999999998</c:v>
                </c:pt>
                <c:pt idx="77">
                  <c:v>53.665999999999997</c:v>
                </c:pt>
                <c:pt idx="78">
                  <c:v>53.762999999999998</c:v>
                </c:pt>
                <c:pt idx="79">
                  <c:v>53.665999999999997</c:v>
                </c:pt>
                <c:pt idx="80">
                  <c:v>53.762999999999998</c:v>
                </c:pt>
                <c:pt idx="81">
                  <c:v>53.762999999999998</c:v>
                </c:pt>
                <c:pt idx="82">
                  <c:v>53.860999999999997</c:v>
                </c:pt>
                <c:pt idx="83">
                  <c:v>53.860999999999997</c:v>
                </c:pt>
                <c:pt idx="84">
                  <c:v>53.860999999999997</c:v>
                </c:pt>
                <c:pt idx="85">
                  <c:v>54.057000000000002</c:v>
                </c:pt>
                <c:pt idx="86">
                  <c:v>53.959000000000003</c:v>
                </c:pt>
                <c:pt idx="87">
                  <c:v>53.959000000000003</c:v>
                </c:pt>
                <c:pt idx="88">
                  <c:v>53.959000000000003</c:v>
                </c:pt>
                <c:pt idx="89">
                  <c:v>54.057000000000002</c:v>
                </c:pt>
                <c:pt idx="90">
                  <c:v>53.860999999999997</c:v>
                </c:pt>
                <c:pt idx="91">
                  <c:v>53.762999999999998</c:v>
                </c:pt>
                <c:pt idx="92">
                  <c:v>53.860999999999997</c:v>
                </c:pt>
                <c:pt idx="93">
                  <c:v>53.762999999999998</c:v>
                </c:pt>
                <c:pt idx="94">
                  <c:v>53.860999999999997</c:v>
                </c:pt>
                <c:pt idx="95">
                  <c:v>54.057000000000002</c:v>
                </c:pt>
                <c:pt idx="96">
                  <c:v>53.959000000000003</c:v>
                </c:pt>
                <c:pt idx="97">
                  <c:v>53.959000000000003</c:v>
                </c:pt>
                <c:pt idx="98">
                  <c:v>54.057000000000002</c:v>
                </c:pt>
                <c:pt idx="99">
                  <c:v>53.959000000000003</c:v>
                </c:pt>
                <c:pt idx="100">
                  <c:v>53.860999999999997</c:v>
                </c:pt>
                <c:pt idx="101">
                  <c:v>53.959000000000003</c:v>
                </c:pt>
                <c:pt idx="102">
                  <c:v>53.959000000000003</c:v>
                </c:pt>
                <c:pt idx="103">
                  <c:v>53.959000000000003</c:v>
                </c:pt>
                <c:pt idx="104">
                  <c:v>53.959000000000003</c:v>
                </c:pt>
                <c:pt idx="105">
                  <c:v>53.959000000000003</c:v>
                </c:pt>
                <c:pt idx="106">
                  <c:v>53.959000000000003</c:v>
                </c:pt>
                <c:pt idx="107">
                  <c:v>53.860999999999997</c:v>
                </c:pt>
                <c:pt idx="108">
                  <c:v>53.762999999999998</c:v>
                </c:pt>
                <c:pt idx="109">
                  <c:v>53.762999999999998</c:v>
                </c:pt>
                <c:pt idx="110">
                  <c:v>53.959000000000003</c:v>
                </c:pt>
                <c:pt idx="111">
                  <c:v>53.860999999999997</c:v>
                </c:pt>
                <c:pt idx="112">
                  <c:v>53.860999999999997</c:v>
                </c:pt>
                <c:pt idx="113">
                  <c:v>53.860999999999997</c:v>
                </c:pt>
                <c:pt idx="114">
                  <c:v>53.762999999999998</c:v>
                </c:pt>
                <c:pt idx="115">
                  <c:v>53.860999999999997</c:v>
                </c:pt>
                <c:pt idx="116">
                  <c:v>53.860999999999997</c:v>
                </c:pt>
                <c:pt idx="117">
                  <c:v>53.959000000000003</c:v>
                </c:pt>
                <c:pt idx="118">
                  <c:v>53.959000000000003</c:v>
                </c:pt>
                <c:pt idx="119">
                  <c:v>53.959000000000003</c:v>
                </c:pt>
                <c:pt idx="120">
                  <c:v>53.860999999999997</c:v>
                </c:pt>
                <c:pt idx="121">
                  <c:v>53.762999999999998</c:v>
                </c:pt>
                <c:pt idx="122">
                  <c:v>53.860999999999997</c:v>
                </c:pt>
                <c:pt idx="123">
                  <c:v>53.860999999999997</c:v>
                </c:pt>
                <c:pt idx="124">
                  <c:v>53.860999999999997</c:v>
                </c:pt>
                <c:pt idx="125">
                  <c:v>53.959000000000003</c:v>
                </c:pt>
                <c:pt idx="126">
                  <c:v>53.959000000000003</c:v>
                </c:pt>
                <c:pt idx="127">
                  <c:v>54.057000000000002</c:v>
                </c:pt>
                <c:pt idx="128">
                  <c:v>53.959000000000003</c:v>
                </c:pt>
                <c:pt idx="129">
                  <c:v>54.057000000000002</c:v>
                </c:pt>
                <c:pt idx="130">
                  <c:v>54.057000000000002</c:v>
                </c:pt>
                <c:pt idx="131">
                  <c:v>53.959000000000003</c:v>
                </c:pt>
                <c:pt idx="132">
                  <c:v>53.959000000000003</c:v>
                </c:pt>
                <c:pt idx="133">
                  <c:v>54.057000000000002</c:v>
                </c:pt>
                <c:pt idx="134">
                  <c:v>54.057000000000002</c:v>
                </c:pt>
                <c:pt idx="135">
                  <c:v>54.154000000000003</c:v>
                </c:pt>
                <c:pt idx="136">
                  <c:v>54.154000000000003</c:v>
                </c:pt>
                <c:pt idx="137">
                  <c:v>54.154000000000003</c:v>
                </c:pt>
                <c:pt idx="138">
                  <c:v>54.252000000000002</c:v>
                </c:pt>
                <c:pt idx="139">
                  <c:v>54.35</c:v>
                </c:pt>
                <c:pt idx="140">
                  <c:v>54.252000000000002</c:v>
                </c:pt>
                <c:pt idx="141">
                  <c:v>54.252000000000002</c:v>
                </c:pt>
                <c:pt idx="142">
                  <c:v>54.252000000000002</c:v>
                </c:pt>
                <c:pt idx="143">
                  <c:v>54.252000000000002</c:v>
                </c:pt>
                <c:pt idx="144">
                  <c:v>54.35</c:v>
                </c:pt>
                <c:pt idx="145">
                  <c:v>54.252000000000002</c:v>
                </c:pt>
                <c:pt idx="146">
                  <c:v>54.448</c:v>
                </c:pt>
                <c:pt idx="147">
                  <c:v>54.448</c:v>
                </c:pt>
                <c:pt idx="148">
                  <c:v>54.35</c:v>
                </c:pt>
                <c:pt idx="149">
                  <c:v>54.448</c:v>
                </c:pt>
                <c:pt idx="150">
                  <c:v>54.545000000000002</c:v>
                </c:pt>
                <c:pt idx="151">
                  <c:v>54.35</c:v>
                </c:pt>
                <c:pt idx="152">
                  <c:v>54.35</c:v>
                </c:pt>
                <c:pt idx="153">
                  <c:v>54.35</c:v>
                </c:pt>
                <c:pt idx="154">
                  <c:v>54.35</c:v>
                </c:pt>
                <c:pt idx="155">
                  <c:v>54.35</c:v>
                </c:pt>
                <c:pt idx="156">
                  <c:v>54.35</c:v>
                </c:pt>
                <c:pt idx="157">
                  <c:v>54.35</c:v>
                </c:pt>
                <c:pt idx="158">
                  <c:v>54.35</c:v>
                </c:pt>
                <c:pt idx="159">
                  <c:v>54.252000000000002</c:v>
                </c:pt>
                <c:pt idx="160">
                  <c:v>54.35</c:v>
                </c:pt>
                <c:pt idx="161">
                  <c:v>54.35</c:v>
                </c:pt>
                <c:pt idx="162">
                  <c:v>54.252000000000002</c:v>
                </c:pt>
                <c:pt idx="163">
                  <c:v>54.252000000000002</c:v>
                </c:pt>
                <c:pt idx="164">
                  <c:v>54.35</c:v>
                </c:pt>
                <c:pt idx="165">
                  <c:v>54.35</c:v>
                </c:pt>
                <c:pt idx="166">
                  <c:v>54.35</c:v>
                </c:pt>
                <c:pt idx="167">
                  <c:v>54.448</c:v>
                </c:pt>
                <c:pt idx="168">
                  <c:v>54.448</c:v>
                </c:pt>
                <c:pt idx="169">
                  <c:v>54.35</c:v>
                </c:pt>
                <c:pt idx="170">
                  <c:v>54.252000000000002</c:v>
                </c:pt>
                <c:pt idx="171">
                  <c:v>54.252000000000002</c:v>
                </c:pt>
                <c:pt idx="172">
                  <c:v>54.252000000000002</c:v>
                </c:pt>
                <c:pt idx="173">
                  <c:v>54.35</c:v>
                </c:pt>
                <c:pt idx="174">
                  <c:v>54.35</c:v>
                </c:pt>
                <c:pt idx="175">
                  <c:v>54.35</c:v>
                </c:pt>
                <c:pt idx="176">
                  <c:v>54.35</c:v>
                </c:pt>
                <c:pt idx="177">
                  <c:v>54.35</c:v>
                </c:pt>
                <c:pt idx="178">
                  <c:v>54.35</c:v>
                </c:pt>
                <c:pt idx="179">
                  <c:v>54.252000000000002</c:v>
                </c:pt>
                <c:pt idx="180">
                  <c:v>54.252000000000002</c:v>
                </c:pt>
                <c:pt idx="181">
                  <c:v>54.252000000000002</c:v>
                </c:pt>
                <c:pt idx="182">
                  <c:v>54.252000000000002</c:v>
                </c:pt>
                <c:pt idx="183">
                  <c:v>54.252000000000002</c:v>
                </c:pt>
                <c:pt idx="184">
                  <c:v>54.154000000000003</c:v>
                </c:pt>
                <c:pt idx="185">
                  <c:v>54.252000000000002</c:v>
                </c:pt>
                <c:pt idx="186">
                  <c:v>54.35</c:v>
                </c:pt>
                <c:pt idx="187">
                  <c:v>54.252000000000002</c:v>
                </c:pt>
                <c:pt idx="188">
                  <c:v>54.35</c:v>
                </c:pt>
                <c:pt idx="189">
                  <c:v>54.35</c:v>
                </c:pt>
                <c:pt idx="190">
                  <c:v>54.35</c:v>
                </c:pt>
                <c:pt idx="191">
                  <c:v>54.448</c:v>
                </c:pt>
                <c:pt idx="192">
                  <c:v>54.545000000000002</c:v>
                </c:pt>
                <c:pt idx="193">
                  <c:v>54.545000000000002</c:v>
                </c:pt>
                <c:pt idx="194">
                  <c:v>54.35</c:v>
                </c:pt>
                <c:pt idx="195">
                  <c:v>54.448</c:v>
                </c:pt>
                <c:pt idx="196">
                  <c:v>54.448</c:v>
                </c:pt>
                <c:pt idx="197">
                  <c:v>54.448</c:v>
                </c:pt>
                <c:pt idx="198">
                  <c:v>54.448</c:v>
                </c:pt>
                <c:pt idx="199">
                  <c:v>54.448</c:v>
                </c:pt>
                <c:pt idx="200">
                  <c:v>54.448</c:v>
                </c:pt>
                <c:pt idx="201">
                  <c:v>54.35</c:v>
                </c:pt>
                <c:pt idx="202">
                  <c:v>54.35</c:v>
                </c:pt>
                <c:pt idx="203">
                  <c:v>54.35</c:v>
                </c:pt>
                <c:pt idx="204">
                  <c:v>54.154000000000003</c:v>
                </c:pt>
                <c:pt idx="205">
                  <c:v>54.252000000000002</c:v>
                </c:pt>
                <c:pt idx="206">
                  <c:v>54.35</c:v>
                </c:pt>
                <c:pt idx="207">
                  <c:v>54.448</c:v>
                </c:pt>
                <c:pt idx="208">
                  <c:v>54.252000000000002</c:v>
                </c:pt>
                <c:pt idx="209">
                  <c:v>54.35</c:v>
                </c:pt>
                <c:pt idx="210">
                  <c:v>54.448</c:v>
                </c:pt>
                <c:pt idx="211">
                  <c:v>54.545000000000002</c:v>
                </c:pt>
                <c:pt idx="212">
                  <c:v>54.545000000000002</c:v>
                </c:pt>
                <c:pt idx="213">
                  <c:v>54.545000000000002</c:v>
                </c:pt>
                <c:pt idx="214">
                  <c:v>54.448</c:v>
                </c:pt>
                <c:pt idx="215">
                  <c:v>54.545000000000002</c:v>
                </c:pt>
                <c:pt idx="216">
                  <c:v>54.545000000000002</c:v>
                </c:pt>
                <c:pt idx="217">
                  <c:v>54.545000000000002</c:v>
                </c:pt>
                <c:pt idx="218">
                  <c:v>54.545000000000002</c:v>
                </c:pt>
                <c:pt idx="219">
                  <c:v>54.448</c:v>
                </c:pt>
                <c:pt idx="220">
                  <c:v>54.545000000000002</c:v>
                </c:pt>
                <c:pt idx="221">
                  <c:v>54.448</c:v>
                </c:pt>
                <c:pt idx="222">
                  <c:v>54.448</c:v>
                </c:pt>
                <c:pt idx="223">
                  <c:v>54.448</c:v>
                </c:pt>
                <c:pt idx="224">
                  <c:v>54.545000000000002</c:v>
                </c:pt>
                <c:pt idx="225">
                  <c:v>54.448</c:v>
                </c:pt>
                <c:pt idx="226">
                  <c:v>54.448</c:v>
                </c:pt>
                <c:pt idx="227">
                  <c:v>54.35</c:v>
                </c:pt>
                <c:pt idx="228">
                  <c:v>54.35</c:v>
                </c:pt>
                <c:pt idx="229">
                  <c:v>54.448</c:v>
                </c:pt>
                <c:pt idx="230">
                  <c:v>54.448</c:v>
                </c:pt>
                <c:pt idx="231">
                  <c:v>54.448</c:v>
                </c:pt>
                <c:pt idx="232">
                  <c:v>54.448</c:v>
                </c:pt>
                <c:pt idx="233">
                  <c:v>54.448</c:v>
                </c:pt>
                <c:pt idx="234">
                  <c:v>54.448</c:v>
                </c:pt>
                <c:pt idx="235">
                  <c:v>54.35</c:v>
                </c:pt>
                <c:pt idx="236">
                  <c:v>54.448</c:v>
                </c:pt>
                <c:pt idx="237">
                  <c:v>54.252000000000002</c:v>
                </c:pt>
                <c:pt idx="238">
                  <c:v>54.35</c:v>
                </c:pt>
                <c:pt idx="239">
                  <c:v>54.35</c:v>
                </c:pt>
                <c:pt idx="240">
                  <c:v>54.448</c:v>
                </c:pt>
                <c:pt idx="241">
                  <c:v>54.252000000000002</c:v>
                </c:pt>
                <c:pt idx="242">
                  <c:v>54.448</c:v>
                </c:pt>
                <c:pt idx="243">
                  <c:v>54.448</c:v>
                </c:pt>
                <c:pt idx="244">
                  <c:v>54.545000000000002</c:v>
                </c:pt>
                <c:pt idx="245">
                  <c:v>54.448</c:v>
                </c:pt>
                <c:pt idx="246">
                  <c:v>54.448</c:v>
                </c:pt>
                <c:pt idx="247">
                  <c:v>54.545000000000002</c:v>
                </c:pt>
                <c:pt idx="248">
                  <c:v>54.35</c:v>
                </c:pt>
                <c:pt idx="249">
                  <c:v>54.448</c:v>
                </c:pt>
                <c:pt idx="250">
                  <c:v>54.35</c:v>
                </c:pt>
                <c:pt idx="251">
                  <c:v>54.448</c:v>
                </c:pt>
                <c:pt idx="252">
                  <c:v>54.448</c:v>
                </c:pt>
                <c:pt idx="253">
                  <c:v>54.448</c:v>
                </c:pt>
                <c:pt idx="254">
                  <c:v>54.252000000000002</c:v>
                </c:pt>
                <c:pt idx="255">
                  <c:v>54.448</c:v>
                </c:pt>
                <c:pt idx="256">
                  <c:v>54.35</c:v>
                </c:pt>
                <c:pt idx="257">
                  <c:v>54.252000000000002</c:v>
                </c:pt>
                <c:pt idx="258">
                  <c:v>54.35</c:v>
                </c:pt>
                <c:pt idx="259">
                  <c:v>54.35</c:v>
                </c:pt>
                <c:pt idx="260">
                  <c:v>54.448</c:v>
                </c:pt>
                <c:pt idx="261">
                  <c:v>54.448</c:v>
                </c:pt>
                <c:pt idx="262">
                  <c:v>54.448</c:v>
                </c:pt>
                <c:pt idx="263">
                  <c:v>54.448</c:v>
                </c:pt>
                <c:pt idx="264">
                  <c:v>54.448</c:v>
                </c:pt>
                <c:pt idx="265">
                  <c:v>54.545000000000002</c:v>
                </c:pt>
                <c:pt idx="266">
                  <c:v>54.643000000000001</c:v>
                </c:pt>
                <c:pt idx="267">
                  <c:v>54.448</c:v>
                </c:pt>
                <c:pt idx="268">
                  <c:v>54.448</c:v>
                </c:pt>
                <c:pt idx="269">
                  <c:v>54.448</c:v>
                </c:pt>
                <c:pt idx="270">
                  <c:v>54.35</c:v>
                </c:pt>
                <c:pt idx="271">
                  <c:v>54.35</c:v>
                </c:pt>
                <c:pt idx="272">
                  <c:v>54.252000000000002</c:v>
                </c:pt>
                <c:pt idx="273">
                  <c:v>54.448</c:v>
                </c:pt>
                <c:pt idx="274">
                  <c:v>54.545000000000002</c:v>
                </c:pt>
                <c:pt idx="275">
                  <c:v>54.448</c:v>
                </c:pt>
                <c:pt idx="276">
                  <c:v>54.448</c:v>
                </c:pt>
                <c:pt idx="277">
                  <c:v>54.545000000000002</c:v>
                </c:pt>
                <c:pt idx="278">
                  <c:v>54.545000000000002</c:v>
                </c:pt>
                <c:pt idx="279">
                  <c:v>54.448</c:v>
                </c:pt>
                <c:pt idx="280">
                  <c:v>54.545000000000002</c:v>
                </c:pt>
                <c:pt idx="281">
                  <c:v>54.545000000000002</c:v>
                </c:pt>
                <c:pt idx="282">
                  <c:v>54.448</c:v>
                </c:pt>
                <c:pt idx="283">
                  <c:v>54.643000000000001</c:v>
                </c:pt>
                <c:pt idx="284">
                  <c:v>54.741</c:v>
                </c:pt>
                <c:pt idx="285">
                  <c:v>54.643000000000001</c:v>
                </c:pt>
                <c:pt idx="286">
                  <c:v>54.545000000000002</c:v>
                </c:pt>
                <c:pt idx="287">
                  <c:v>54.545000000000002</c:v>
                </c:pt>
                <c:pt idx="288">
                  <c:v>54.545000000000002</c:v>
                </c:pt>
                <c:pt idx="289">
                  <c:v>54.448</c:v>
                </c:pt>
                <c:pt idx="290">
                  <c:v>54.448</c:v>
                </c:pt>
                <c:pt idx="291">
                  <c:v>54.35</c:v>
                </c:pt>
                <c:pt idx="292">
                  <c:v>54.252000000000002</c:v>
                </c:pt>
                <c:pt idx="293">
                  <c:v>54.252000000000002</c:v>
                </c:pt>
                <c:pt idx="294">
                  <c:v>54.252000000000002</c:v>
                </c:pt>
                <c:pt idx="295">
                  <c:v>54.252000000000002</c:v>
                </c:pt>
                <c:pt idx="296">
                  <c:v>54.35</c:v>
                </c:pt>
                <c:pt idx="297">
                  <c:v>54.448</c:v>
                </c:pt>
                <c:pt idx="298">
                  <c:v>54.35</c:v>
                </c:pt>
                <c:pt idx="299">
                  <c:v>54.35</c:v>
                </c:pt>
                <c:pt idx="300">
                  <c:v>54.448</c:v>
                </c:pt>
                <c:pt idx="301">
                  <c:v>54.545000000000002</c:v>
                </c:pt>
                <c:pt idx="302">
                  <c:v>54.448</c:v>
                </c:pt>
                <c:pt idx="303">
                  <c:v>54.545000000000002</c:v>
                </c:pt>
                <c:pt idx="304">
                  <c:v>54.448</c:v>
                </c:pt>
                <c:pt idx="305">
                  <c:v>54.448</c:v>
                </c:pt>
                <c:pt idx="306">
                  <c:v>54.545000000000002</c:v>
                </c:pt>
                <c:pt idx="307">
                  <c:v>54.545000000000002</c:v>
                </c:pt>
                <c:pt idx="308">
                  <c:v>54.545000000000002</c:v>
                </c:pt>
                <c:pt idx="309">
                  <c:v>54.545000000000002</c:v>
                </c:pt>
                <c:pt idx="310">
                  <c:v>54.545000000000002</c:v>
                </c:pt>
                <c:pt idx="311">
                  <c:v>54.545000000000002</c:v>
                </c:pt>
                <c:pt idx="312">
                  <c:v>54.545000000000002</c:v>
                </c:pt>
                <c:pt idx="313">
                  <c:v>54.643000000000001</c:v>
                </c:pt>
                <c:pt idx="314">
                  <c:v>54.545000000000002</c:v>
                </c:pt>
                <c:pt idx="315">
                  <c:v>54.643000000000001</c:v>
                </c:pt>
                <c:pt idx="316">
                  <c:v>54.643000000000001</c:v>
                </c:pt>
                <c:pt idx="317">
                  <c:v>54.643000000000001</c:v>
                </c:pt>
                <c:pt idx="318">
                  <c:v>54.643000000000001</c:v>
                </c:pt>
                <c:pt idx="319">
                  <c:v>54.545000000000002</c:v>
                </c:pt>
                <c:pt idx="320">
                  <c:v>54.741</c:v>
                </c:pt>
                <c:pt idx="321">
                  <c:v>54.643000000000001</c:v>
                </c:pt>
                <c:pt idx="322">
                  <c:v>54.643000000000001</c:v>
                </c:pt>
                <c:pt idx="323">
                  <c:v>54.643000000000001</c:v>
                </c:pt>
                <c:pt idx="324">
                  <c:v>54.643000000000001</c:v>
                </c:pt>
                <c:pt idx="325">
                  <c:v>54.643000000000001</c:v>
                </c:pt>
                <c:pt idx="326">
                  <c:v>54.741</c:v>
                </c:pt>
                <c:pt idx="327">
                  <c:v>54.643000000000001</c:v>
                </c:pt>
                <c:pt idx="328">
                  <c:v>54.643000000000001</c:v>
                </c:pt>
                <c:pt idx="329">
                  <c:v>54.643000000000001</c:v>
                </c:pt>
                <c:pt idx="330">
                  <c:v>54.643000000000001</c:v>
                </c:pt>
                <c:pt idx="331">
                  <c:v>54.741</c:v>
                </c:pt>
                <c:pt idx="332">
                  <c:v>54.741</c:v>
                </c:pt>
                <c:pt idx="333">
                  <c:v>54.741</c:v>
                </c:pt>
                <c:pt idx="334">
                  <c:v>54.741</c:v>
                </c:pt>
                <c:pt idx="335">
                  <c:v>54.741</c:v>
                </c:pt>
                <c:pt idx="336">
                  <c:v>54.741</c:v>
                </c:pt>
                <c:pt idx="337">
                  <c:v>54.838999999999999</c:v>
                </c:pt>
                <c:pt idx="338">
                  <c:v>54.838999999999999</c:v>
                </c:pt>
                <c:pt idx="339">
                  <c:v>54.741</c:v>
                </c:pt>
                <c:pt idx="340">
                  <c:v>54.838999999999999</c:v>
                </c:pt>
                <c:pt idx="341">
                  <c:v>54.838999999999999</c:v>
                </c:pt>
                <c:pt idx="342">
                  <c:v>54.936</c:v>
                </c:pt>
                <c:pt idx="343">
                  <c:v>54.936</c:v>
                </c:pt>
                <c:pt idx="344">
                  <c:v>54.838999999999999</c:v>
                </c:pt>
                <c:pt idx="345">
                  <c:v>54.936</c:v>
                </c:pt>
                <c:pt idx="346">
                  <c:v>54.838999999999999</c:v>
                </c:pt>
                <c:pt idx="347">
                  <c:v>54.838999999999999</c:v>
                </c:pt>
                <c:pt idx="348">
                  <c:v>54.936</c:v>
                </c:pt>
                <c:pt idx="349">
                  <c:v>54.838999999999999</c:v>
                </c:pt>
                <c:pt idx="350">
                  <c:v>54.838999999999999</c:v>
                </c:pt>
                <c:pt idx="351">
                  <c:v>54.838999999999999</c:v>
                </c:pt>
                <c:pt idx="352">
                  <c:v>54.936</c:v>
                </c:pt>
                <c:pt idx="353">
                  <c:v>54.838999999999999</c:v>
                </c:pt>
                <c:pt idx="354">
                  <c:v>54.838999999999999</c:v>
                </c:pt>
                <c:pt idx="355">
                  <c:v>54.936</c:v>
                </c:pt>
                <c:pt idx="356">
                  <c:v>54.936</c:v>
                </c:pt>
                <c:pt idx="357">
                  <c:v>54.838999999999999</c:v>
                </c:pt>
                <c:pt idx="358">
                  <c:v>54.741</c:v>
                </c:pt>
                <c:pt idx="359">
                  <c:v>54.741</c:v>
                </c:pt>
                <c:pt idx="360">
                  <c:v>54.838999999999999</c:v>
                </c:pt>
                <c:pt idx="361">
                  <c:v>54.838999999999999</c:v>
                </c:pt>
                <c:pt idx="362">
                  <c:v>54.838999999999999</c:v>
                </c:pt>
                <c:pt idx="363">
                  <c:v>54.838999999999999</c:v>
                </c:pt>
                <c:pt idx="364">
                  <c:v>54.741</c:v>
                </c:pt>
                <c:pt idx="365">
                  <c:v>54.838999999999999</c:v>
                </c:pt>
                <c:pt idx="366">
                  <c:v>54.741</c:v>
                </c:pt>
                <c:pt idx="367">
                  <c:v>54.741</c:v>
                </c:pt>
                <c:pt idx="368">
                  <c:v>54.741</c:v>
                </c:pt>
                <c:pt idx="369">
                  <c:v>54.741</c:v>
                </c:pt>
                <c:pt idx="370">
                  <c:v>54.741</c:v>
                </c:pt>
                <c:pt idx="371">
                  <c:v>54.838999999999999</c:v>
                </c:pt>
                <c:pt idx="372">
                  <c:v>54.838999999999999</c:v>
                </c:pt>
                <c:pt idx="373">
                  <c:v>54.838999999999999</c:v>
                </c:pt>
                <c:pt idx="374">
                  <c:v>54.741</c:v>
                </c:pt>
                <c:pt idx="375">
                  <c:v>54.643000000000001</c:v>
                </c:pt>
                <c:pt idx="376">
                  <c:v>54.741</c:v>
                </c:pt>
                <c:pt idx="377">
                  <c:v>54.741</c:v>
                </c:pt>
                <c:pt idx="378">
                  <c:v>54.643000000000001</c:v>
                </c:pt>
                <c:pt idx="379">
                  <c:v>54.741</c:v>
                </c:pt>
                <c:pt idx="380">
                  <c:v>54.643000000000001</c:v>
                </c:pt>
                <c:pt idx="381">
                  <c:v>54.741</c:v>
                </c:pt>
                <c:pt idx="382">
                  <c:v>54.741</c:v>
                </c:pt>
                <c:pt idx="383">
                  <c:v>54.741</c:v>
                </c:pt>
                <c:pt idx="384">
                  <c:v>54.643000000000001</c:v>
                </c:pt>
                <c:pt idx="385">
                  <c:v>54.643000000000001</c:v>
                </c:pt>
                <c:pt idx="386">
                  <c:v>54.741</c:v>
                </c:pt>
                <c:pt idx="387">
                  <c:v>54.741</c:v>
                </c:pt>
                <c:pt idx="388">
                  <c:v>54.643000000000001</c:v>
                </c:pt>
                <c:pt idx="389">
                  <c:v>54.741</c:v>
                </c:pt>
                <c:pt idx="390">
                  <c:v>54.741</c:v>
                </c:pt>
                <c:pt idx="391">
                  <c:v>54.838999999999999</c:v>
                </c:pt>
                <c:pt idx="392">
                  <c:v>54.741</c:v>
                </c:pt>
                <c:pt idx="393">
                  <c:v>54.741</c:v>
                </c:pt>
                <c:pt idx="394">
                  <c:v>54.643000000000001</c:v>
                </c:pt>
                <c:pt idx="395">
                  <c:v>54.741</c:v>
                </c:pt>
                <c:pt idx="396">
                  <c:v>54.741</c:v>
                </c:pt>
                <c:pt idx="397">
                  <c:v>54.643000000000001</c:v>
                </c:pt>
                <c:pt idx="398">
                  <c:v>54.545000000000002</c:v>
                </c:pt>
                <c:pt idx="399">
                  <c:v>54.643000000000001</c:v>
                </c:pt>
                <c:pt idx="400">
                  <c:v>54.643000000000001</c:v>
                </c:pt>
                <c:pt idx="401">
                  <c:v>54.643000000000001</c:v>
                </c:pt>
                <c:pt idx="402">
                  <c:v>54.545000000000002</c:v>
                </c:pt>
                <c:pt idx="403">
                  <c:v>54.545000000000002</c:v>
                </c:pt>
                <c:pt idx="404">
                  <c:v>54.545000000000002</c:v>
                </c:pt>
                <c:pt idx="405">
                  <c:v>54.448</c:v>
                </c:pt>
                <c:pt idx="406">
                  <c:v>54.448</c:v>
                </c:pt>
                <c:pt idx="407">
                  <c:v>54.448</c:v>
                </c:pt>
                <c:pt idx="408">
                  <c:v>54.545000000000002</c:v>
                </c:pt>
                <c:pt idx="409">
                  <c:v>54.448</c:v>
                </c:pt>
                <c:pt idx="410">
                  <c:v>54.545000000000002</c:v>
                </c:pt>
                <c:pt idx="411">
                  <c:v>54.448</c:v>
                </c:pt>
                <c:pt idx="412">
                  <c:v>54.448</c:v>
                </c:pt>
                <c:pt idx="413">
                  <c:v>54.448</c:v>
                </c:pt>
                <c:pt idx="414">
                  <c:v>54.448</c:v>
                </c:pt>
                <c:pt idx="415">
                  <c:v>54.448</c:v>
                </c:pt>
                <c:pt idx="416">
                  <c:v>54.545000000000002</c:v>
                </c:pt>
                <c:pt idx="417">
                  <c:v>54.643000000000001</c:v>
                </c:pt>
                <c:pt idx="418">
                  <c:v>54.545000000000002</c:v>
                </c:pt>
                <c:pt idx="419">
                  <c:v>54.643000000000001</c:v>
                </c:pt>
                <c:pt idx="420">
                  <c:v>54.741</c:v>
                </c:pt>
                <c:pt idx="421">
                  <c:v>54.741</c:v>
                </c:pt>
                <c:pt idx="422">
                  <c:v>54.643000000000001</c:v>
                </c:pt>
                <c:pt idx="423">
                  <c:v>54.741</c:v>
                </c:pt>
                <c:pt idx="424">
                  <c:v>54.741</c:v>
                </c:pt>
                <c:pt idx="425">
                  <c:v>54.643000000000001</c:v>
                </c:pt>
                <c:pt idx="426">
                  <c:v>54.741</c:v>
                </c:pt>
                <c:pt idx="427">
                  <c:v>54.838999999999999</c:v>
                </c:pt>
                <c:pt idx="428">
                  <c:v>54.838999999999999</c:v>
                </c:pt>
                <c:pt idx="429">
                  <c:v>54.838999999999999</c:v>
                </c:pt>
                <c:pt idx="430">
                  <c:v>54.838999999999999</c:v>
                </c:pt>
                <c:pt idx="431">
                  <c:v>54.838999999999999</c:v>
                </c:pt>
                <c:pt idx="432">
                  <c:v>54.838999999999999</c:v>
                </c:pt>
                <c:pt idx="433">
                  <c:v>54.838999999999999</c:v>
                </c:pt>
                <c:pt idx="434">
                  <c:v>54.838999999999999</c:v>
                </c:pt>
                <c:pt idx="435">
                  <c:v>54.838999999999999</c:v>
                </c:pt>
                <c:pt idx="436">
                  <c:v>54.936</c:v>
                </c:pt>
                <c:pt idx="437">
                  <c:v>54.838999999999999</c:v>
                </c:pt>
                <c:pt idx="438">
                  <c:v>54.838999999999999</c:v>
                </c:pt>
                <c:pt idx="439">
                  <c:v>54.838999999999999</c:v>
                </c:pt>
                <c:pt idx="440">
                  <c:v>54.936</c:v>
                </c:pt>
                <c:pt idx="441">
                  <c:v>54.838999999999999</c:v>
                </c:pt>
                <c:pt idx="442">
                  <c:v>54.838999999999999</c:v>
                </c:pt>
                <c:pt idx="443">
                  <c:v>54.838999999999999</c:v>
                </c:pt>
                <c:pt idx="444">
                  <c:v>54.936</c:v>
                </c:pt>
                <c:pt idx="445">
                  <c:v>54.936</c:v>
                </c:pt>
                <c:pt idx="446">
                  <c:v>54.838999999999999</c:v>
                </c:pt>
                <c:pt idx="447">
                  <c:v>54.936</c:v>
                </c:pt>
                <c:pt idx="448">
                  <c:v>54.838999999999999</c:v>
                </c:pt>
                <c:pt idx="449">
                  <c:v>54.936</c:v>
                </c:pt>
                <c:pt idx="450">
                  <c:v>54.936</c:v>
                </c:pt>
                <c:pt idx="451">
                  <c:v>54.838999999999999</c:v>
                </c:pt>
                <c:pt idx="452">
                  <c:v>54.838999999999999</c:v>
                </c:pt>
                <c:pt idx="453">
                  <c:v>54.838999999999999</c:v>
                </c:pt>
                <c:pt idx="454">
                  <c:v>54.936</c:v>
                </c:pt>
                <c:pt idx="455">
                  <c:v>54.936</c:v>
                </c:pt>
                <c:pt idx="456">
                  <c:v>54.936</c:v>
                </c:pt>
                <c:pt idx="457">
                  <c:v>54.936</c:v>
                </c:pt>
                <c:pt idx="458">
                  <c:v>55.033999999999999</c:v>
                </c:pt>
                <c:pt idx="459">
                  <c:v>55.033999999999999</c:v>
                </c:pt>
                <c:pt idx="460">
                  <c:v>55.033999999999999</c:v>
                </c:pt>
                <c:pt idx="461">
                  <c:v>55.033999999999999</c:v>
                </c:pt>
                <c:pt idx="462">
                  <c:v>55.033999999999999</c:v>
                </c:pt>
                <c:pt idx="463">
                  <c:v>55.033999999999999</c:v>
                </c:pt>
                <c:pt idx="464">
                  <c:v>54.936</c:v>
                </c:pt>
                <c:pt idx="465">
                  <c:v>55.033999999999999</c:v>
                </c:pt>
                <c:pt idx="466">
                  <c:v>54.936</c:v>
                </c:pt>
                <c:pt idx="467">
                  <c:v>55.033999999999999</c:v>
                </c:pt>
                <c:pt idx="468">
                  <c:v>55.033999999999999</c:v>
                </c:pt>
                <c:pt idx="469">
                  <c:v>55.131999999999998</c:v>
                </c:pt>
                <c:pt idx="470">
                  <c:v>55.131999999999998</c:v>
                </c:pt>
                <c:pt idx="471">
                  <c:v>55.131999999999998</c:v>
                </c:pt>
                <c:pt idx="472">
                  <c:v>55.033999999999999</c:v>
                </c:pt>
                <c:pt idx="473">
                  <c:v>55.033999999999999</c:v>
                </c:pt>
                <c:pt idx="474">
                  <c:v>55.033999999999999</c:v>
                </c:pt>
                <c:pt idx="475">
                  <c:v>54.936</c:v>
                </c:pt>
                <c:pt idx="476">
                  <c:v>54.936</c:v>
                </c:pt>
                <c:pt idx="477">
                  <c:v>55.033999999999999</c:v>
                </c:pt>
                <c:pt idx="478">
                  <c:v>54.936</c:v>
                </c:pt>
                <c:pt idx="479">
                  <c:v>55.033999999999999</c:v>
                </c:pt>
                <c:pt idx="480">
                  <c:v>55.033999999999999</c:v>
                </c:pt>
                <c:pt idx="481">
                  <c:v>54.936</c:v>
                </c:pt>
                <c:pt idx="482">
                  <c:v>54.936</c:v>
                </c:pt>
                <c:pt idx="483">
                  <c:v>55.033999999999999</c:v>
                </c:pt>
                <c:pt idx="484">
                  <c:v>55.033999999999999</c:v>
                </c:pt>
                <c:pt idx="485">
                  <c:v>54.936</c:v>
                </c:pt>
                <c:pt idx="486">
                  <c:v>55.033999999999999</c:v>
                </c:pt>
                <c:pt idx="487">
                  <c:v>55.033999999999999</c:v>
                </c:pt>
                <c:pt idx="488">
                  <c:v>55.131999999999998</c:v>
                </c:pt>
                <c:pt idx="489">
                  <c:v>55.033999999999999</c:v>
                </c:pt>
                <c:pt idx="490">
                  <c:v>55.033999999999999</c:v>
                </c:pt>
                <c:pt idx="491">
                  <c:v>55.033999999999999</c:v>
                </c:pt>
                <c:pt idx="492">
                  <c:v>55.131999999999998</c:v>
                </c:pt>
                <c:pt idx="493">
                  <c:v>55.131999999999998</c:v>
                </c:pt>
                <c:pt idx="494">
                  <c:v>55.131999999999998</c:v>
                </c:pt>
                <c:pt idx="495">
                  <c:v>55.131999999999998</c:v>
                </c:pt>
                <c:pt idx="496">
                  <c:v>55.033999999999999</c:v>
                </c:pt>
                <c:pt idx="497">
                  <c:v>55.131999999999998</c:v>
                </c:pt>
                <c:pt idx="498">
                  <c:v>55.131999999999998</c:v>
                </c:pt>
                <c:pt idx="499">
                  <c:v>55.033999999999999</c:v>
                </c:pt>
                <c:pt idx="500">
                  <c:v>55.131999999999998</c:v>
                </c:pt>
                <c:pt idx="501">
                  <c:v>55.033999999999999</c:v>
                </c:pt>
                <c:pt idx="502">
                  <c:v>55.033999999999999</c:v>
                </c:pt>
                <c:pt idx="503">
                  <c:v>55.131999999999998</c:v>
                </c:pt>
                <c:pt idx="504">
                  <c:v>54.936</c:v>
                </c:pt>
                <c:pt idx="505">
                  <c:v>55.033999999999999</c:v>
                </c:pt>
                <c:pt idx="506">
                  <c:v>55.131999999999998</c:v>
                </c:pt>
                <c:pt idx="507">
                  <c:v>55.033999999999999</c:v>
                </c:pt>
                <c:pt idx="508">
                  <c:v>55.131999999999998</c:v>
                </c:pt>
                <c:pt idx="509">
                  <c:v>55.033999999999999</c:v>
                </c:pt>
                <c:pt idx="510">
                  <c:v>55.033999999999999</c:v>
                </c:pt>
                <c:pt idx="511">
                  <c:v>55.033999999999999</c:v>
                </c:pt>
                <c:pt idx="512">
                  <c:v>55.033999999999999</c:v>
                </c:pt>
                <c:pt idx="513">
                  <c:v>55.033999999999999</c:v>
                </c:pt>
                <c:pt idx="514">
                  <c:v>54.936</c:v>
                </c:pt>
                <c:pt idx="515">
                  <c:v>54.936</c:v>
                </c:pt>
                <c:pt idx="516">
                  <c:v>54.936</c:v>
                </c:pt>
                <c:pt idx="517">
                  <c:v>54.936</c:v>
                </c:pt>
                <c:pt idx="518">
                  <c:v>55.033999999999999</c:v>
                </c:pt>
                <c:pt idx="519">
                  <c:v>54.838999999999999</c:v>
                </c:pt>
                <c:pt idx="520">
                  <c:v>54.838999999999999</c:v>
                </c:pt>
                <c:pt idx="521">
                  <c:v>54.936</c:v>
                </c:pt>
                <c:pt idx="522">
                  <c:v>54.838999999999999</c:v>
                </c:pt>
                <c:pt idx="523">
                  <c:v>54.936</c:v>
                </c:pt>
                <c:pt idx="524">
                  <c:v>54.936</c:v>
                </c:pt>
                <c:pt idx="525">
                  <c:v>54.838999999999999</c:v>
                </c:pt>
                <c:pt idx="526">
                  <c:v>54.936</c:v>
                </c:pt>
                <c:pt idx="527">
                  <c:v>54.838999999999999</c:v>
                </c:pt>
                <c:pt idx="528">
                  <c:v>54.838999999999999</c:v>
                </c:pt>
                <c:pt idx="529">
                  <c:v>54.741</c:v>
                </c:pt>
                <c:pt idx="530">
                  <c:v>54.936</c:v>
                </c:pt>
                <c:pt idx="531">
                  <c:v>54.838999999999999</c:v>
                </c:pt>
                <c:pt idx="532">
                  <c:v>54.741</c:v>
                </c:pt>
                <c:pt idx="533">
                  <c:v>54.643000000000001</c:v>
                </c:pt>
                <c:pt idx="534">
                  <c:v>54.643000000000001</c:v>
                </c:pt>
                <c:pt idx="535">
                  <c:v>54.741</c:v>
                </c:pt>
                <c:pt idx="536">
                  <c:v>54.741</c:v>
                </c:pt>
                <c:pt idx="537">
                  <c:v>54.643000000000001</c:v>
                </c:pt>
                <c:pt idx="538">
                  <c:v>54.643000000000001</c:v>
                </c:pt>
                <c:pt idx="539">
                  <c:v>54.643000000000001</c:v>
                </c:pt>
                <c:pt idx="540">
                  <c:v>54.545000000000002</c:v>
                </c:pt>
                <c:pt idx="541">
                  <c:v>54.448</c:v>
                </c:pt>
                <c:pt idx="542">
                  <c:v>54.545000000000002</c:v>
                </c:pt>
                <c:pt idx="543">
                  <c:v>54.643000000000001</c:v>
                </c:pt>
                <c:pt idx="544">
                  <c:v>54.643000000000001</c:v>
                </c:pt>
                <c:pt idx="545">
                  <c:v>54.643000000000001</c:v>
                </c:pt>
                <c:pt idx="546">
                  <c:v>54.643000000000001</c:v>
                </c:pt>
                <c:pt idx="547">
                  <c:v>54.545000000000002</c:v>
                </c:pt>
                <c:pt idx="548">
                  <c:v>54.35</c:v>
                </c:pt>
                <c:pt idx="549">
                  <c:v>54.545000000000002</c:v>
                </c:pt>
                <c:pt idx="550">
                  <c:v>54.643000000000001</c:v>
                </c:pt>
                <c:pt idx="551">
                  <c:v>54.643000000000001</c:v>
                </c:pt>
                <c:pt idx="552">
                  <c:v>54.448</c:v>
                </c:pt>
                <c:pt idx="553">
                  <c:v>54.643000000000001</c:v>
                </c:pt>
                <c:pt idx="554">
                  <c:v>54.545000000000002</c:v>
                </c:pt>
                <c:pt idx="555">
                  <c:v>54.643000000000001</c:v>
                </c:pt>
                <c:pt idx="556">
                  <c:v>54.545000000000002</c:v>
                </c:pt>
                <c:pt idx="557">
                  <c:v>54.545000000000002</c:v>
                </c:pt>
                <c:pt idx="558">
                  <c:v>54.448</c:v>
                </c:pt>
                <c:pt idx="559">
                  <c:v>54.545000000000002</c:v>
                </c:pt>
                <c:pt idx="560">
                  <c:v>54.545000000000002</c:v>
                </c:pt>
                <c:pt idx="561">
                  <c:v>54.545000000000002</c:v>
                </c:pt>
                <c:pt idx="562">
                  <c:v>54.545000000000002</c:v>
                </c:pt>
                <c:pt idx="563">
                  <c:v>54.545000000000002</c:v>
                </c:pt>
                <c:pt idx="564">
                  <c:v>54.545000000000002</c:v>
                </c:pt>
                <c:pt idx="565">
                  <c:v>54.448</c:v>
                </c:pt>
                <c:pt idx="566">
                  <c:v>54.35</c:v>
                </c:pt>
                <c:pt idx="567">
                  <c:v>54.545000000000002</c:v>
                </c:pt>
                <c:pt idx="568">
                  <c:v>54.545000000000002</c:v>
                </c:pt>
                <c:pt idx="569">
                  <c:v>54.545000000000002</c:v>
                </c:pt>
                <c:pt idx="570">
                  <c:v>54.448</c:v>
                </c:pt>
                <c:pt idx="571">
                  <c:v>54.545000000000002</c:v>
                </c:pt>
                <c:pt idx="572">
                  <c:v>54.448</c:v>
                </c:pt>
                <c:pt idx="573">
                  <c:v>54.448</c:v>
                </c:pt>
                <c:pt idx="574">
                  <c:v>54.643000000000001</c:v>
                </c:pt>
                <c:pt idx="575">
                  <c:v>54.643000000000001</c:v>
                </c:pt>
                <c:pt idx="576">
                  <c:v>54.545000000000002</c:v>
                </c:pt>
                <c:pt idx="577">
                  <c:v>54.643000000000001</c:v>
                </c:pt>
                <c:pt idx="578">
                  <c:v>54.741</c:v>
                </c:pt>
                <c:pt idx="579">
                  <c:v>54.741</c:v>
                </c:pt>
                <c:pt idx="580">
                  <c:v>54.643000000000001</c:v>
                </c:pt>
                <c:pt idx="581">
                  <c:v>54.838999999999999</c:v>
                </c:pt>
                <c:pt idx="582">
                  <c:v>54.643000000000001</c:v>
                </c:pt>
                <c:pt idx="583">
                  <c:v>54.838999999999999</c:v>
                </c:pt>
                <c:pt idx="584">
                  <c:v>54.936</c:v>
                </c:pt>
                <c:pt idx="585">
                  <c:v>54.936</c:v>
                </c:pt>
                <c:pt idx="586">
                  <c:v>54.936</c:v>
                </c:pt>
                <c:pt idx="587">
                  <c:v>54.838999999999999</c:v>
                </c:pt>
                <c:pt idx="588">
                  <c:v>54.936</c:v>
                </c:pt>
                <c:pt idx="589">
                  <c:v>54.838999999999999</c:v>
                </c:pt>
                <c:pt idx="590">
                  <c:v>54.936</c:v>
                </c:pt>
                <c:pt idx="591">
                  <c:v>54.741</c:v>
                </c:pt>
                <c:pt idx="592">
                  <c:v>54.936</c:v>
                </c:pt>
                <c:pt idx="593">
                  <c:v>54.741</c:v>
                </c:pt>
                <c:pt idx="594">
                  <c:v>55.033999999999999</c:v>
                </c:pt>
                <c:pt idx="595">
                  <c:v>54.741</c:v>
                </c:pt>
                <c:pt idx="596">
                  <c:v>54.936</c:v>
                </c:pt>
                <c:pt idx="597">
                  <c:v>54.838999999999999</c:v>
                </c:pt>
                <c:pt idx="598">
                  <c:v>54.936</c:v>
                </c:pt>
                <c:pt idx="599">
                  <c:v>54.838999999999999</c:v>
                </c:pt>
                <c:pt idx="600">
                  <c:v>54.936</c:v>
                </c:pt>
                <c:pt idx="601">
                  <c:v>54.936</c:v>
                </c:pt>
                <c:pt idx="602">
                  <c:v>55.033999999999999</c:v>
                </c:pt>
                <c:pt idx="603">
                  <c:v>54.936</c:v>
                </c:pt>
                <c:pt idx="604">
                  <c:v>54.936</c:v>
                </c:pt>
                <c:pt idx="605">
                  <c:v>54.838999999999999</c:v>
                </c:pt>
                <c:pt idx="606">
                  <c:v>54.838999999999999</c:v>
                </c:pt>
                <c:pt idx="607">
                  <c:v>54.838999999999999</c:v>
                </c:pt>
                <c:pt idx="608">
                  <c:v>54.936</c:v>
                </c:pt>
                <c:pt idx="609">
                  <c:v>54.838999999999999</c:v>
                </c:pt>
                <c:pt idx="610">
                  <c:v>54.838999999999999</c:v>
                </c:pt>
                <c:pt idx="611">
                  <c:v>54.741</c:v>
                </c:pt>
                <c:pt idx="612">
                  <c:v>54.838999999999999</c:v>
                </c:pt>
                <c:pt idx="613">
                  <c:v>54.838999999999999</c:v>
                </c:pt>
                <c:pt idx="614">
                  <c:v>54.838999999999999</c:v>
                </c:pt>
                <c:pt idx="615">
                  <c:v>54.936</c:v>
                </c:pt>
                <c:pt idx="616">
                  <c:v>54.741</c:v>
                </c:pt>
                <c:pt idx="617">
                  <c:v>54.936</c:v>
                </c:pt>
                <c:pt idx="618">
                  <c:v>54.838999999999999</c:v>
                </c:pt>
                <c:pt idx="619">
                  <c:v>54.936</c:v>
                </c:pt>
                <c:pt idx="620">
                  <c:v>54.741</c:v>
                </c:pt>
                <c:pt idx="621">
                  <c:v>54.936</c:v>
                </c:pt>
                <c:pt idx="622">
                  <c:v>54.838999999999999</c:v>
                </c:pt>
                <c:pt idx="623">
                  <c:v>54.838999999999999</c:v>
                </c:pt>
                <c:pt idx="624">
                  <c:v>54.936</c:v>
                </c:pt>
                <c:pt idx="625">
                  <c:v>54.936</c:v>
                </c:pt>
                <c:pt idx="626">
                  <c:v>54.936</c:v>
                </c:pt>
                <c:pt idx="627">
                  <c:v>54.838999999999999</c:v>
                </c:pt>
                <c:pt idx="628">
                  <c:v>54.741</c:v>
                </c:pt>
                <c:pt idx="629">
                  <c:v>54.838999999999999</c:v>
                </c:pt>
                <c:pt idx="630">
                  <c:v>54.838999999999999</c:v>
                </c:pt>
                <c:pt idx="631">
                  <c:v>54.838999999999999</c:v>
                </c:pt>
                <c:pt idx="632">
                  <c:v>54.838999999999999</c:v>
                </c:pt>
                <c:pt idx="633">
                  <c:v>54.741</c:v>
                </c:pt>
                <c:pt idx="634">
                  <c:v>54.741</c:v>
                </c:pt>
                <c:pt idx="635">
                  <c:v>54.741</c:v>
                </c:pt>
                <c:pt idx="636">
                  <c:v>54.643000000000001</c:v>
                </c:pt>
                <c:pt idx="637">
                  <c:v>54.838999999999999</c:v>
                </c:pt>
                <c:pt idx="638">
                  <c:v>54.741</c:v>
                </c:pt>
                <c:pt idx="639">
                  <c:v>54.545000000000002</c:v>
                </c:pt>
                <c:pt idx="640">
                  <c:v>54.643000000000001</c:v>
                </c:pt>
                <c:pt idx="641">
                  <c:v>54.545000000000002</c:v>
                </c:pt>
                <c:pt idx="642">
                  <c:v>54.741</c:v>
                </c:pt>
                <c:pt idx="643">
                  <c:v>54.741</c:v>
                </c:pt>
                <c:pt idx="644">
                  <c:v>54.643000000000001</c:v>
                </c:pt>
                <c:pt idx="645">
                  <c:v>54.838999999999999</c:v>
                </c:pt>
                <c:pt idx="646">
                  <c:v>54.643000000000001</c:v>
                </c:pt>
                <c:pt idx="647">
                  <c:v>54.741</c:v>
                </c:pt>
                <c:pt idx="648">
                  <c:v>54.838999999999999</c:v>
                </c:pt>
                <c:pt idx="649">
                  <c:v>54.838999999999999</c:v>
                </c:pt>
                <c:pt idx="650">
                  <c:v>54.741</c:v>
                </c:pt>
                <c:pt idx="651">
                  <c:v>54.643000000000001</c:v>
                </c:pt>
                <c:pt idx="652">
                  <c:v>54.838999999999999</c:v>
                </c:pt>
                <c:pt idx="653">
                  <c:v>54.838999999999999</c:v>
                </c:pt>
                <c:pt idx="654">
                  <c:v>54.838999999999999</c:v>
                </c:pt>
                <c:pt idx="655">
                  <c:v>54.741</c:v>
                </c:pt>
                <c:pt idx="656">
                  <c:v>54.643000000000001</c:v>
                </c:pt>
                <c:pt idx="657">
                  <c:v>54.643000000000001</c:v>
                </c:pt>
                <c:pt idx="658">
                  <c:v>54.545000000000002</c:v>
                </c:pt>
                <c:pt idx="659">
                  <c:v>54.643000000000001</c:v>
                </c:pt>
                <c:pt idx="660">
                  <c:v>54.643000000000001</c:v>
                </c:pt>
                <c:pt idx="661">
                  <c:v>54.545000000000002</c:v>
                </c:pt>
                <c:pt idx="662">
                  <c:v>54.545000000000002</c:v>
                </c:pt>
                <c:pt idx="663">
                  <c:v>54.643000000000001</c:v>
                </c:pt>
                <c:pt idx="664">
                  <c:v>54.545000000000002</c:v>
                </c:pt>
                <c:pt idx="665">
                  <c:v>54.154000000000003</c:v>
                </c:pt>
                <c:pt idx="666">
                  <c:v>54.643000000000001</c:v>
                </c:pt>
                <c:pt idx="667">
                  <c:v>54.741</c:v>
                </c:pt>
                <c:pt idx="668">
                  <c:v>54.741</c:v>
                </c:pt>
                <c:pt idx="669">
                  <c:v>54.643000000000001</c:v>
                </c:pt>
                <c:pt idx="670">
                  <c:v>54.643000000000001</c:v>
                </c:pt>
                <c:pt idx="671">
                  <c:v>54.741</c:v>
                </c:pt>
                <c:pt idx="672">
                  <c:v>54.448</c:v>
                </c:pt>
                <c:pt idx="673">
                  <c:v>54.741</c:v>
                </c:pt>
                <c:pt idx="674">
                  <c:v>54.643000000000001</c:v>
                </c:pt>
                <c:pt idx="675">
                  <c:v>54.545000000000002</c:v>
                </c:pt>
                <c:pt idx="676">
                  <c:v>54.545000000000002</c:v>
                </c:pt>
                <c:pt idx="677">
                  <c:v>54.545000000000002</c:v>
                </c:pt>
                <c:pt idx="678">
                  <c:v>54.545000000000002</c:v>
                </c:pt>
                <c:pt idx="679">
                  <c:v>54.643000000000001</c:v>
                </c:pt>
                <c:pt idx="680">
                  <c:v>54.545000000000002</c:v>
                </c:pt>
                <c:pt idx="681">
                  <c:v>54.545000000000002</c:v>
                </c:pt>
                <c:pt idx="682">
                  <c:v>54.545000000000002</c:v>
                </c:pt>
                <c:pt idx="683">
                  <c:v>54.545000000000002</c:v>
                </c:pt>
                <c:pt idx="684">
                  <c:v>54.545000000000002</c:v>
                </c:pt>
                <c:pt idx="685">
                  <c:v>54.545000000000002</c:v>
                </c:pt>
                <c:pt idx="686">
                  <c:v>54.643000000000001</c:v>
                </c:pt>
                <c:pt idx="687">
                  <c:v>54.448</c:v>
                </c:pt>
                <c:pt idx="688">
                  <c:v>54.35</c:v>
                </c:pt>
                <c:pt idx="689">
                  <c:v>54.448</c:v>
                </c:pt>
                <c:pt idx="690">
                  <c:v>54.35</c:v>
                </c:pt>
                <c:pt idx="691">
                  <c:v>54.448</c:v>
                </c:pt>
                <c:pt idx="692">
                  <c:v>54.448</c:v>
                </c:pt>
                <c:pt idx="693">
                  <c:v>54.545000000000002</c:v>
                </c:pt>
                <c:pt idx="694">
                  <c:v>54.643000000000001</c:v>
                </c:pt>
                <c:pt idx="695">
                  <c:v>54.545000000000002</c:v>
                </c:pt>
                <c:pt idx="696">
                  <c:v>54.448</c:v>
                </c:pt>
                <c:pt idx="697">
                  <c:v>54.448</c:v>
                </c:pt>
                <c:pt idx="698">
                  <c:v>54.545000000000002</c:v>
                </c:pt>
                <c:pt idx="699">
                  <c:v>54.448</c:v>
                </c:pt>
                <c:pt idx="700">
                  <c:v>54.643000000000001</c:v>
                </c:pt>
                <c:pt idx="701">
                  <c:v>54.643000000000001</c:v>
                </c:pt>
                <c:pt idx="702">
                  <c:v>54.741</c:v>
                </c:pt>
                <c:pt idx="703">
                  <c:v>54.545000000000002</c:v>
                </c:pt>
                <c:pt idx="704">
                  <c:v>54.545000000000002</c:v>
                </c:pt>
                <c:pt idx="705">
                  <c:v>54.545000000000002</c:v>
                </c:pt>
                <c:pt idx="706">
                  <c:v>54.741</c:v>
                </c:pt>
                <c:pt idx="707">
                  <c:v>54.741</c:v>
                </c:pt>
                <c:pt idx="708">
                  <c:v>54.643000000000001</c:v>
                </c:pt>
                <c:pt idx="709">
                  <c:v>54.643000000000001</c:v>
                </c:pt>
                <c:pt idx="710">
                  <c:v>54.741</c:v>
                </c:pt>
                <c:pt idx="711">
                  <c:v>54.643000000000001</c:v>
                </c:pt>
                <c:pt idx="712">
                  <c:v>54.741</c:v>
                </c:pt>
                <c:pt idx="713">
                  <c:v>54.643000000000001</c:v>
                </c:pt>
                <c:pt idx="714">
                  <c:v>54.838999999999999</c:v>
                </c:pt>
                <c:pt idx="715">
                  <c:v>54.838999999999999</c:v>
                </c:pt>
                <c:pt idx="716">
                  <c:v>54.838999999999999</c:v>
                </c:pt>
                <c:pt idx="717">
                  <c:v>54.741</c:v>
                </c:pt>
                <c:pt idx="718">
                  <c:v>54.838999999999999</c:v>
                </c:pt>
                <c:pt idx="719">
                  <c:v>54.838999999999999</c:v>
                </c:pt>
                <c:pt idx="720">
                  <c:v>54.838999999999999</c:v>
                </c:pt>
                <c:pt idx="721">
                  <c:v>54.838999999999999</c:v>
                </c:pt>
                <c:pt idx="722">
                  <c:v>54.838999999999999</c:v>
                </c:pt>
                <c:pt idx="723">
                  <c:v>54.741</c:v>
                </c:pt>
                <c:pt idx="724">
                  <c:v>54.838999999999999</c:v>
                </c:pt>
                <c:pt idx="725">
                  <c:v>54.838999999999999</c:v>
                </c:pt>
                <c:pt idx="726">
                  <c:v>54.741</c:v>
                </c:pt>
                <c:pt idx="727">
                  <c:v>54.643000000000001</c:v>
                </c:pt>
                <c:pt idx="728">
                  <c:v>54.643000000000001</c:v>
                </c:pt>
                <c:pt idx="729">
                  <c:v>54.643000000000001</c:v>
                </c:pt>
                <c:pt idx="730">
                  <c:v>54.741</c:v>
                </c:pt>
                <c:pt idx="731">
                  <c:v>54.741</c:v>
                </c:pt>
                <c:pt idx="732">
                  <c:v>54.643000000000001</c:v>
                </c:pt>
                <c:pt idx="733">
                  <c:v>54.643000000000001</c:v>
                </c:pt>
                <c:pt idx="734">
                  <c:v>54.643000000000001</c:v>
                </c:pt>
                <c:pt idx="735">
                  <c:v>54.741</c:v>
                </c:pt>
                <c:pt idx="736">
                  <c:v>54.643000000000001</c:v>
                </c:pt>
                <c:pt idx="737">
                  <c:v>54.741</c:v>
                </c:pt>
                <c:pt idx="738">
                  <c:v>54.643000000000001</c:v>
                </c:pt>
                <c:pt idx="739">
                  <c:v>54.643000000000001</c:v>
                </c:pt>
                <c:pt idx="740">
                  <c:v>54.643000000000001</c:v>
                </c:pt>
                <c:pt idx="741">
                  <c:v>54.545000000000002</c:v>
                </c:pt>
                <c:pt idx="742">
                  <c:v>54.741</c:v>
                </c:pt>
                <c:pt idx="743">
                  <c:v>54.643000000000001</c:v>
                </c:pt>
                <c:pt idx="744">
                  <c:v>54.643000000000001</c:v>
                </c:pt>
                <c:pt idx="745">
                  <c:v>54.643000000000001</c:v>
                </c:pt>
                <c:pt idx="746">
                  <c:v>54.545000000000002</c:v>
                </c:pt>
                <c:pt idx="747">
                  <c:v>54.545000000000002</c:v>
                </c:pt>
                <c:pt idx="748">
                  <c:v>54.643000000000001</c:v>
                </c:pt>
                <c:pt idx="749">
                  <c:v>54.643000000000001</c:v>
                </c:pt>
                <c:pt idx="750">
                  <c:v>54.643000000000001</c:v>
                </c:pt>
                <c:pt idx="751">
                  <c:v>54.643000000000001</c:v>
                </c:pt>
                <c:pt idx="752">
                  <c:v>54.643000000000001</c:v>
                </c:pt>
                <c:pt idx="753">
                  <c:v>54.643000000000001</c:v>
                </c:pt>
                <c:pt idx="754">
                  <c:v>54.643000000000001</c:v>
                </c:pt>
                <c:pt idx="755">
                  <c:v>54.545000000000002</c:v>
                </c:pt>
                <c:pt idx="756">
                  <c:v>54.643000000000001</c:v>
                </c:pt>
                <c:pt idx="757">
                  <c:v>54.545000000000002</c:v>
                </c:pt>
                <c:pt idx="758">
                  <c:v>54.448</c:v>
                </c:pt>
                <c:pt idx="759">
                  <c:v>54.545000000000002</c:v>
                </c:pt>
                <c:pt idx="760">
                  <c:v>54.448</c:v>
                </c:pt>
                <c:pt idx="761">
                  <c:v>54.545000000000002</c:v>
                </c:pt>
                <c:pt idx="762">
                  <c:v>54.545000000000002</c:v>
                </c:pt>
                <c:pt idx="763">
                  <c:v>54.545000000000002</c:v>
                </c:pt>
                <c:pt idx="764">
                  <c:v>54.545000000000002</c:v>
                </c:pt>
                <c:pt idx="765">
                  <c:v>54.643000000000001</c:v>
                </c:pt>
                <c:pt idx="766">
                  <c:v>54.545000000000002</c:v>
                </c:pt>
                <c:pt idx="767">
                  <c:v>54.545000000000002</c:v>
                </c:pt>
                <c:pt idx="768">
                  <c:v>54.545000000000002</c:v>
                </c:pt>
                <c:pt idx="769">
                  <c:v>54.448</c:v>
                </c:pt>
                <c:pt idx="770">
                  <c:v>54.448</c:v>
                </c:pt>
                <c:pt idx="771">
                  <c:v>54.545000000000002</c:v>
                </c:pt>
                <c:pt idx="772">
                  <c:v>54.545000000000002</c:v>
                </c:pt>
                <c:pt idx="773">
                  <c:v>54.448</c:v>
                </c:pt>
                <c:pt idx="774">
                  <c:v>54.448</c:v>
                </c:pt>
                <c:pt idx="775">
                  <c:v>54.448</c:v>
                </c:pt>
                <c:pt idx="776">
                  <c:v>54.448</c:v>
                </c:pt>
                <c:pt idx="777">
                  <c:v>54.545000000000002</c:v>
                </c:pt>
                <c:pt idx="778">
                  <c:v>54.545000000000002</c:v>
                </c:pt>
                <c:pt idx="779">
                  <c:v>54.448</c:v>
                </c:pt>
                <c:pt idx="780">
                  <c:v>54.545000000000002</c:v>
                </c:pt>
                <c:pt idx="781">
                  <c:v>54.545000000000002</c:v>
                </c:pt>
                <c:pt idx="782">
                  <c:v>54.545000000000002</c:v>
                </c:pt>
                <c:pt idx="783">
                  <c:v>54.545000000000002</c:v>
                </c:pt>
                <c:pt idx="784">
                  <c:v>54.545000000000002</c:v>
                </c:pt>
                <c:pt idx="785">
                  <c:v>54.448</c:v>
                </c:pt>
                <c:pt idx="786">
                  <c:v>54.545000000000002</c:v>
                </c:pt>
                <c:pt idx="787">
                  <c:v>54.448</c:v>
                </c:pt>
                <c:pt idx="788">
                  <c:v>54.545000000000002</c:v>
                </c:pt>
                <c:pt idx="789">
                  <c:v>54.545000000000002</c:v>
                </c:pt>
                <c:pt idx="790">
                  <c:v>54.643000000000001</c:v>
                </c:pt>
                <c:pt idx="791">
                  <c:v>54.545000000000002</c:v>
                </c:pt>
                <c:pt idx="792">
                  <c:v>54.545000000000002</c:v>
                </c:pt>
                <c:pt idx="793">
                  <c:v>54.643000000000001</c:v>
                </c:pt>
                <c:pt idx="794">
                  <c:v>54.643000000000001</c:v>
                </c:pt>
                <c:pt idx="795">
                  <c:v>54.545000000000002</c:v>
                </c:pt>
                <c:pt idx="796">
                  <c:v>54.643000000000001</c:v>
                </c:pt>
                <c:pt idx="797">
                  <c:v>54.741</c:v>
                </c:pt>
                <c:pt idx="798">
                  <c:v>54.741</c:v>
                </c:pt>
                <c:pt idx="799">
                  <c:v>54.741</c:v>
                </c:pt>
                <c:pt idx="800">
                  <c:v>54.741</c:v>
                </c:pt>
                <c:pt idx="801">
                  <c:v>54.741</c:v>
                </c:pt>
                <c:pt idx="802">
                  <c:v>54.741</c:v>
                </c:pt>
                <c:pt idx="803">
                  <c:v>54.838999999999999</c:v>
                </c:pt>
                <c:pt idx="804">
                  <c:v>54.838999999999999</c:v>
                </c:pt>
                <c:pt idx="805">
                  <c:v>54.741</c:v>
                </c:pt>
                <c:pt idx="806">
                  <c:v>54.838999999999999</c:v>
                </c:pt>
                <c:pt idx="807">
                  <c:v>54.838999999999999</c:v>
                </c:pt>
                <c:pt idx="808">
                  <c:v>54.838999999999999</c:v>
                </c:pt>
                <c:pt idx="809">
                  <c:v>54.838999999999999</c:v>
                </c:pt>
                <c:pt idx="810">
                  <c:v>54.936</c:v>
                </c:pt>
                <c:pt idx="811">
                  <c:v>54.936</c:v>
                </c:pt>
                <c:pt idx="812">
                  <c:v>54.936</c:v>
                </c:pt>
                <c:pt idx="813">
                  <c:v>54.838999999999999</c:v>
                </c:pt>
                <c:pt idx="814">
                  <c:v>54.741</c:v>
                </c:pt>
                <c:pt idx="815">
                  <c:v>54.838999999999999</c:v>
                </c:pt>
                <c:pt idx="816">
                  <c:v>54.741</c:v>
                </c:pt>
                <c:pt idx="817">
                  <c:v>54.838999999999999</c:v>
                </c:pt>
                <c:pt idx="818">
                  <c:v>54.838999999999999</c:v>
                </c:pt>
                <c:pt idx="819">
                  <c:v>54.545000000000002</c:v>
                </c:pt>
                <c:pt idx="820">
                  <c:v>54.741</c:v>
                </c:pt>
                <c:pt idx="821">
                  <c:v>54.741</c:v>
                </c:pt>
                <c:pt idx="822">
                  <c:v>54.741</c:v>
                </c:pt>
                <c:pt idx="823">
                  <c:v>54.741</c:v>
                </c:pt>
                <c:pt idx="824">
                  <c:v>54.643000000000001</c:v>
                </c:pt>
                <c:pt idx="825">
                  <c:v>54.838999999999999</c:v>
                </c:pt>
                <c:pt idx="826">
                  <c:v>54.741</c:v>
                </c:pt>
                <c:pt idx="827">
                  <c:v>54.741</c:v>
                </c:pt>
                <c:pt idx="828">
                  <c:v>54.741</c:v>
                </c:pt>
                <c:pt idx="829">
                  <c:v>54.741</c:v>
                </c:pt>
                <c:pt idx="830">
                  <c:v>54.741</c:v>
                </c:pt>
                <c:pt idx="831">
                  <c:v>54.838999999999999</c:v>
                </c:pt>
                <c:pt idx="832">
                  <c:v>54.838999999999999</c:v>
                </c:pt>
                <c:pt idx="833">
                  <c:v>54.838999999999999</c:v>
                </c:pt>
                <c:pt idx="834">
                  <c:v>54.741</c:v>
                </c:pt>
                <c:pt idx="835">
                  <c:v>54.838999999999999</c:v>
                </c:pt>
                <c:pt idx="836">
                  <c:v>54.838999999999999</c:v>
                </c:pt>
                <c:pt idx="837">
                  <c:v>54.838999999999999</c:v>
                </c:pt>
                <c:pt idx="838">
                  <c:v>54.741</c:v>
                </c:pt>
                <c:pt idx="839">
                  <c:v>54.838999999999999</c:v>
                </c:pt>
                <c:pt idx="840">
                  <c:v>54.838999999999999</c:v>
                </c:pt>
                <c:pt idx="841">
                  <c:v>54.741</c:v>
                </c:pt>
                <c:pt idx="842">
                  <c:v>54.838999999999999</c:v>
                </c:pt>
                <c:pt idx="843">
                  <c:v>54.838999999999999</c:v>
                </c:pt>
                <c:pt idx="844">
                  <c:v>54.838999999999999</c:v>
                </c:pt>
                <c:pt idx="845">
                  <c:v>54.936</c:v>
                </c:pt>
                <c:pt idx="846">
                  <c:v>54.838999999999999</c:v>
                </c:pt>
                <c:pt idx="847">
                  <c:v>54.741</c:v>
                </c:pt>
                <c:pt idx="848">
                  <c:v>54.838999999999999</c:v>
                </c:pt>
                <c:pt idx="849">
                  <c:v>54.643000000000001</c:v>
                </c:pt>
                <c:pt idx="850">
                  <c:v>54.741</c:v>
                </c:pt>
                <c:pt idx="851">
                  <c:v>54.838999999999999</c:v>
                </c:pt>
                <c:pt idx="852">
                  <c:v>54.838999999999999</c:v>
                </c:pt>
                <c:pt idx="853">
                  <c:v>54.838999999999999</c:v>
                </c:pt>
                <c:pt idx="854">
                  <c:v>54.838999999999999</c:v>
                </c:pt>
                <c:pt idx="855">
                  <c:v>54.838999999999999</c:v>
                </c:pt>
                <c:pt idx="856">
                  <c:v>54.643000000000001</c:v>
                </c:pt>
                <c:pt idx="857">
                  <c:v>54.643000000000001</c:v>
                </c:pt>
                <c:pt idx="858">
                  <c:v>54.643000000000001</c:v>
                </c:pt>
                <c:pt idx="859">
                  <c:v>54.741</c:v>
                </c:pt>
                <c:pt idx="860">
                  <c:v>54.741</c:v>
                </c:pt>
                <c:pt idx="861">
                  <c:v>54.741</c:v>
                </c:pt>
                <c:pt idx="862">
                  <c:v>54.741</c:v>
                </c:pt>
                <c:pt idx="863">
                  <c:v>54.741</c:v>
                </c:pt>
                <c:pt idx="864">
                  <c:v>54.643000000000001</c:v>
                </c:pt>
                <c:pt idx="865">
                  <c:v>54.643000000000001</c:v>
                </c:pt>
                <c:pt idx="866">
                  <c:v>54.643000000000001</c:v>
                </c:pt>
                <c:pt idx="867">
                  <c:v>54.741</c:v>
                </c:pt>
                <c:pt idx="868">
                  <c:v>54.741</c:v>
                </c:pt>
                <c:pt idx="869">
                  <c:v>54.741</c:v>
                </c:pt>
                <c:pt idx="870">
                  <c:v>54.741</c:v>
                </c:pt>
                <c:pt idx="871">
                  <c:v>54.741</c:v>
                </c:pt>
                <c:pt idx="872">
                  <c:v>54.741</c:v>
                </c:pt>
                <c:pt idx="873">
                  <c:v>54.741</c:v>
                </c:pt>
                <c:pt idx="874">
                  <c:v>54.741</c:v>
                </c:pt>
                <c:pt idx="875">
                  <c:v>54.741</c:v>
                </c:pt>
                <c:pt idx="876">
                  <c:v>54.741</c:v>
                </c:pt>
                <c:pt idx="877">
                  <c:v>54.741</c:v>
                </c:pt>
                <c:pt idx="878">
                  <c:v>54.545000000000002</c:v>
                </c:pt>
                <c:pt idx="879">
                  <c:v>54.643000000000001</c:v>
                </c:pt>
                <c:pt idx="880">
                  <c:v>54.741</c:v>
                </c:pt>
                <c:pt idx="881">
                  <c:v>54.741</c:v>
                </c:pt>
                <c:pt idx="882">
                  <c:v>54.741</c:v>
                </c:pt>
                <c:pt idx="883">
                  <c:v>54.741</c:v>
                </c:pt>
                <c:pt idx="884">
                  <c:v>54.741</c:v>
                </c:pt>
                <c:pt idx="885">
                  <c:v>54.741</c:v>
                </c:pt>
                <c:pt idx="886">
                  <c:v>54.741</c:v>
                </c:pt>
                <c:pt idx="887">
                  <c:v>54.643000000000001</c:v>
                </c:pt>
                <c:pt idx="888">
                  <c:v>54.838999999999999</c:v>
                </c:pt>
                <c:pt idx="889">
                  <c:v>54.741</c:v>
                </c:pt>
                <c:pt idx="890">
                  <c:v>54.741</c:v>
                </c:pt>
                <c:pt idx="891">
                  <c:v>54.741</c:v>
                </c:pt>
                <c:pt idx="892">
                  <c:v>54.643000000000001</c:v>
                </c:pt>
                <c:pt idx="893">
                  <c:v>54.741</c:v>
                </c:pt>
                <c:pt idx="894">
                  <c:v>54.741</c:v>
                </c:pt>
                <c:pt idx="895">
                  <c:v>54.741</c:v>
                </c:pt>
                <c:pt idx="896">
                  <c:v>54.741</c:v>
                </c:pt>
                <c:pt idx="897">
                  <c:v>54.741</c:v>
                </c:pt>
                <c:pt idx="898">
                  <c:v>54.838999999999999</c:v>
                </c:pt>
                <c:pt idx="899">
                  <c:v>54.838999999999999</c:v>
                </c:pt>
                <c:pt idx="900">
                  <c:v>54.838999999999999</c:v>
                </c:pt>
                <c:pt idx="901">
                  <c:v>54.936</c:v>
                </c:pt>
                <c:pt idx="902">
                  <c:v>54.838999999999999</c:v>
                </c:pt>
                <c:pt idx="903">
                  <c:v>54.838999999999999</c:v>
                </c:pt>
                <c:pt idx="904">
                  <c:v>54.838999999999999</c:v>
                </c:pt>
                <c:pt idx="905">
                  <c:v>54.838999999999999</c:v>
                </c:pt>
                <c:pt idx="906">
                  <c:v>54.936</c:v>
                </c:pt>
                <c:pt idx="907">
                  <c:v>54.838999999999999</c:v>
                </c:pt>
                <c:pt idx="908">
                  <c:v>54.838999999999999</c:v>
                </c:pt>
                <c:pt idx="909">
                  <c:v>54.838999999999999</c:v>
                </c:pt>
                <c:pt idx="910">
                  <c:v>54.741</c:v>
                </c:pt>
                <c:pt idx="911">
                  <c:v>54.838999999999999</c:v>
                </c:pt>
                <c:pt idx="912">
                  <c:v>54.838999999999999</c:v>
                </c:pt>
                <c:pt idx="913">
                  <c:v>54.838999999999999</c:v>
                </c:pt>
                <c:pt idx="914">
                  <c:v>54.741</c:v>
                </c:pt>
                <c:pt idx="915">
                  <c:v>54.741</c:v>
                </c:pt>
                <c:pt idx="916">
                  <c:v>54.741</c:v>
                </c:pt>
                <c:pt idx="917">
                  <c:v>54.741</c:v>
                </c:pt>
                <c:pt idx="918">
                  <c:v>54.643000000000001</c:v>
                </c:pt>
                <c:pt idx="919">
                  <c:v>54.643000000000001</c:v>
                </c:pt>
                <c:pt idx="920">
                  <c:v>54.741</c:v>
                </c:pt>
                <c:pt idx="921">
                  <c:v>54.741</c:v>
                </c:pt>
                <c:pt idx="922">
                  <c:v>54.741</c:v>
                </c:pt>
                <c:pt idx="923">
                  <c:v>54.741</c:v>
                </c:pt>
                <c:pt idx="924">
                  <c:v>54.741</c:v>
                </c:pt>
                <c:pt idx="925">
                  <c:v>54.741</c:v>
                </c:pt>
                <c:pt idx="926">
                  <c:v>54.741</c:v>
                </c:pt>
                <c:pt idx="927">
                  <c:v>54.448</c:v>
                </c:pt>
                <c:pt idx="928">
                  <c:v>54.545000000000002</c:v>
                </c:pt>
                <c:pt idx="929">
                  <c:v>54.545000000000002</c:v>
                </c:pt>
                <c:pt idx="930">
                  <c:v>54.545000000000002</c:v>
                </c:pt>
                <c:pt idx="931">
                  <c:v>54.545000000000002</c:v>
                </c:pt>
                <c:pt idx="932">
                  <c:v>54.643000000000001</c:v>
                </c:pt>
                <c:pt idx="933">
                  <c:v>54.643000000000001</c:v>
                </c:pt>
                <c:pt idx="934">
                  <c:v>54.741</c:v>
                </c:pt>
                <c:pt idx="935">
                  <c:v>54.643000000000001</c:v>
                </c:pt>
                <c:pt idx="936">
                  <c:v>54.741</c:v>
                </c:pt>
                <c:pt idx="937">
                  <c:v>54.741</c:v>
                </c:pt>
                <c:pt idx="938">
                  <c:v>54.643000000000001</c:v>
                </c:pt>
                <c:pt idx="939">
                  <c:v>54.741</c:v>
                </c:pt>
                <c:pt idx="940">
                  <c:v>54.643000000000001</c:v>
                </c:pt>
                <c:pt idx="941">
                  <c:v>54.741</c:v>
                </c:pt>
                <c:pt idx="942">
                  <c:v>54.741</c:v>
                </c:pt>
                <c:pt idx="943">
                  <c:v>54.741</c:v>
                </c:pt>
                <c:pt idx="944">
                  <c:v>54.838999999999999</c:v>
                </c:pt>
                <c:pt idx="945">
                  <c:v>54.643000000000001</c:v>
                </c:pt>
                <c:pt idx="946">
                  <c:v>54.936</c:v>
                </c:pt>
                <c:pt idx="947">
                  <c:v>54.838999999999999</c:v>
                </c:pt>
                <c:pt idx="948">
                  <c:v>54.838999999999999</c:v>
                </c:pt>
                <c:pt idx="949">
                  <c:v>54.741</c:v>
                </c:pt>
                <c:pt idx="950">
                  <c:v>55.033999999999999</c:v>
                </c:pt>
                <c:pt idx="951">
                  <c:v>54.838999999999999</c:v>
                </c:pt>
                <c:pt idx="952">
                  <c:v>54.838999999999999</c:v>
                </c:pt>
                <c:pt idx="953">
                  <c:v>54.936</c:v>
                </c:pt>
                <c:pt idx="954">
                  <c:v>54.936</c:v>
                </c:pt>
                <c:pt idx="955">
                  <c:v>54.838999999999999</c:v>
                </c:pt>
                <c:pt idx="956">
                  <c:v>54.936</c:v>
                </c:pt>
                <c:pt idx="957">
                  <c:v>54.838999999999999</c:v>
                </c:pt>
                <c:pt idx="958">
                  <c:v>54.741</c:v>
                </c:pt>
                <c:pt idx="959">
                  <c:v>54.838999999999999</c:v>
                </c:pt>
                <c:pt idx="960">
                  <c:v>54.936</c:v>
                </c:pt>
                <c:pt idx="961">
                  <c:v>54.936</c:v>
                </c:pt>
                <c:pt idx="962">
                  <c:v>54.838999999999999</c:v>
                </c:pt>
                <c:pt idx="963">
                  <c:v>54.838999999999999</c:v>
                </c:pt>
                <c:pt idx="964">
                  <c:v>54.838999999999999</c:v>
                </c:pt>
                <c:pt idx="965">
                  <c:v>54.838999999999999</c:v>
                </c:pt>
                <c:pt idx="966">
                  <c:v>54.838999999999999</c:v>
                </c:pt>
                <c:pt idx="967">
                  <c:v>54.838999999999999</c:v>
                </c:pt>
                <c:pt idx="968">
                  <c:v>54.741</c:v>
                </c:pt>
                <c:pt idx="969">
                  <c:v>54.838999999999999</c:v>
                </c:pt>
                <c:pt idx="970">
                  <c:v>54.545000000000002</c:v>
                </c:pt>
                <c:pt idx="971">
                  <c:v>54.741</c:v>
                </c:pt>
                <c:pt idx="972">
                  <c:v>54.838999999999999</c:v>
                </c:pt>
                <c:pt idx="973">
                  <c:v>54.838999999999999</c:v>
                </c:pt>
                <c:pt idx="974">
                  <c:v>54.936</c:v>
                </c:pt>
                <c:pt idx="975">
                  <c:v>54.936</c:v>
                </c:pt>
                <c:pt idx="976">
                  <c:v>54.741</c:v>
                </c:pt>
                <c:pt idx="977">
                  <c:v>54.838999999999999</c:v>
                </c:pt>
                <c:pt idx="978">
                  <c:v>54.838999999999999</c:v>
                </c:pt>
                <c:pt idx="979">
                  <c:v>54.838999999999999</c:v>
                </c:pt>
                <c:pt idx="980">
                  <c:v>54.741</c:v>
                </c:pt>
                <c:pt idx="981">
                  <c:v>54.741</c:v>
                </c:pt>
                <c:pt idx="982">
                  <c:v>54.643000000000001</c:v>
                </c:pt>
                <c:pt idx="983">
                  <c:v>54.741</c:v>
                </c:pt>
                <c:pt idx="984">
                  <c:v>54.741</c:v>
                </c:pt>
                <c:pt idx="985">
                  <c:v>54.741</c:v>
                </c:pt>
                <c:pt idx="986">
                  <c:v>54.741</c:v>
                </c:pt>
                <c:pt idx="987">
                  <c:v>54.741</c:v>
                </c:pt>
                <c:pt idx="988">
                  <c:v>54.741</c:v>
                </c:pt>
                <c:pt idx="989">
                  <c:v>54.741</c:v>
                </c:pt>
                <c:pt idx="990">
                  <c:v>54.838999999999999</c:v>
                </c:pt>
                <c:pt idx="991">
                  <c:v>54.838999999999999</c:v>
                </c:pt>
                <c:pt idx="992">
                  <c:v>54.838999999999999</c:v>
                </c:pt>
                <c:pt idx="993">
                  <c:v>54.741</c:v>
                </c:pt>
                <c:pt idx="994">
                  <c:v>54.741</c:v>
                </c:pt>
                <c:pt idx="995">
                  <c:v>54.838999999999999</c:v>
                </c:pt>
                <c:pt idx="996">
                  <c:v>54.838999999999999</c:v>
                </c:pt>
                <c:pt idx="997">
                  <c:v>54.741</c:v>
                </c:pt>
                <c:pt idx="998">
                  <c:v>54.838999999999999</c:v>
                </c:pt>
                <c:pt idx="999">
                  <c:v>54.936</c:v>
                </c:pt>
                <c:pt idx="1000">
                  <c:v>54.936</c:v>
                </c:pt>
                <c:pt idx="1001">
                  <c:v>54.838999999999999</c:v>
                </c:pt>
                <c:pt idx="1002">
                  <c:v>54.838999999999999</c:v>
                </c:pt>
                <c:pt idx="1003">
                  <c:v>54.838999999999999</c:v>
                </c:pt>
                <c:pt idx="1004">
                  <c:v>54.643000000000001</c:v>
                </c:pt>
                <c:pt idx="1005">
                  <c:v>54.838999999999999</c:v>
                </c:pt>
                <c:pt idx="1006">
                  <c:v>54.741</c:v>
                </c:pt>
                <c:pt idx="1007">
                  <c:v>54.838999999999999</c:v>
                </c:pt>
                <c:pt idx="1008">
                  <c:v>54.838999999999999</c:v>
                </c:pt>
                <c:pt idx="1009">
                  <c:v>54.741</c:v>
                </c:pt>
                <c:pt idx="1010">
                  <c:v>54.838999999999999</c:v>
                </c:pt>
                <c:pt idx="1011">
                  <c:v>54.838999999999999</c:v>
                </c:pt>
                <c:pt idx="1012">
                  <c:v>54.838999999999999</c:v>
                </c:pt>
                <c:pt idx="1013">
                  <c:v>54.643000000000001</c:v>
                </c:pt>
                <c:pt idx="1014">
                  <c:v>54.838999999999999</c:v>
                </c:pt>
                <c:pt idx="1015">
                  <c:v>54.838999999999999</c:v>
                </c:pt>
                <c:pt idx="1016">
                  <c:v>54.741</c:v>
                </c:pt>
                <c:pt idx="1017">
                  <c:v>54.838999999999999</c:v>
                </c:pt>
                <c:pt idx="1018">
                  <c:v>54.838999999999999</c:v>
                </c:pt>
                <c:pt idx="1019">
                  <c:v>54.838999999999999</c:v>
                </c:pt>
                <c:pt idx="1020">
                  <c:v>54.838999999999999</c:v>
                </c:pt>
                <c:pt idx="1021">
                  <c:v>54.838999999999999</c:v>
                </c:pt>
                <c:pt idx="1022">
                  <c:v>54.838999999999999</c:v>
                </c:pt>
                <c:pt idx="1023">
                  <c:v>54.838999999999999</c:v>
                </c:pt>
                <c:pt idx="1024">
                  <c:v>54.838999999999999</c:v>
                </c:pt>
                <c:pt idx="1025">
                  <c:v>54.838999999999999</c:v>
                </c:pt>
                <c:pt idx="1026">
                  <c:v>54.838999999999999</c:v>
                </c:pt>
                <c:pt idx="1027">
                  <c:v>54.741</c:v>
                </c:pt>
                <c:pt idx="1028">
                  <c:v>54.838999999999999</c:v>
                </c:pt>
                <c:pt idx="1029">
                  <c:v>54.741</c:v>
                </c:pt>
                <c:pt idx="1030">
                  <c:v>54.936</c:v>
                </c:pt>
                <c:pt idx="1031">
                  <c:v>54.741</c:v>
                </c:pt>
                <c:pt idx="1032">
                  <c:v>54.838999999999999</c:v>
                </c:pt>
                <c:pt idx="1033">
                  <c:v>54.838999999999999</c:v>
                </c:pt>
                <c:pt idx="1034">
                  <c:v>54.838999999999999</c:v>
                </c:pt>
                <c:pt idx="1035">
                  <c:v>54.741</c:v>
                </c:pt>
                <c:pt idx="1036">
                  <c:v>54.838999999999999</c:v>
                </c:pt>
                <c:pt idx="1037">
                  <c:v>54.838999999999999</c:v>
                </c:pt>
                <c:pt idx="1038">
                  <c:v>54.741</c:v>
                </c:pt>
                <c:pt idx="1039">
                  <c:v>54.838999999999999</c:v>
                </c:pt>
                <c:pt idx="1040">
                  <c:v>54.741</c:v>
                </c:pt>
                <c:pt idx="1041">
                  <c:v>54.838999999999999</c:v>
                </c:pt>
                <c:pt idx="1042">
                  <c:v>54.741</c:v>
                </c:pt>
                <c:pt idx="1043">
                  <c:v>54.741</c:v>
                </c:pt>
                <c:pt idx="1044">
                  <c:v>54.741</c:v>
                </c:pt>
                <c:pt idx="1045">
                  <c:v>54.741</c:v>
                </c:pt>
                <c:pt idx="1046">
                  <c:v>54.741</c:v>
                </c:pt>
                <c:pt idx="1047">
                  <c:v>54.643000000000001</c:v>
                </c:pt>
                <c:pt idx="1048">
                  <c:v>54.545000000000002</c:v>
                </c:pt>
                <c:pt idx="1049">
                  <c:v>54.741</c:v>
                </c:pt>
                <c:pt idx="1050">
                  <c:v>54.643000000000001</c:v>
                </c:pt>
                <c:pt idx="1051">
                  <c:v>54.643000000000001</c:v>
                </c:pt>
                <c:pt idx="1052">
                  <c:v>54.643000000000001</c:v>
                </c:pt>
                <c:pt idx="1053">
                  <c:v>54.643000000000001</c:v>
                </c:pt>
                <c:pt idx="1054">
                  <c:v>54.643000000000001</c:v>
                </c:pt>
                <c:pt idx="1055">
                  <c:v>54.545000000000002</c:v>
                </c:pt>
                <c:pt idx="1056">
                  <c:v>54.643000000000001</c:v>
                </c:pt>
                <c:pt idx="1057">
                  <c:v>54.643000000000001</c:v>
                </c:pt>
                <c:pt idx="1058">
                  <c:v>54.643000000000001</c:v>
                </c:pt>
                <c:pt idx="1059">
                  <c:v>54.545000000000002</c:v>
                </c:pt>
                <c:pt idx="1060">
                  <c:v>54.545000000000002</c:v>
                </c:pt>
                <c:pt idx="1061">
                  <c:v>54.545000000000002</c:v>
                </c:pt>
                <c:pt idx="1062">
                  <c:v>54.643000000000001</c:v>
                </c:pt>
                <c:pt idx="1063">
                  <c:v>54.545000000000002</c:v>
                </c:pt>
                <c:pt idx="1064">
                  <c:v>54.643000000000001</c:v>
                </c:pt>
                <c:pt idx="1065">
                  <c:v>54.643000000000001</c:v>
                </c:pt>
                <c:pt idx="1066">
                  <c:v>54.545000000000002</c:v>
                </c:pt>
                <c:pt idx="1067">
                  <c:v>54.643000000000001</c:v>
                </c:pt>
                <c:pt idx="1068">
                  <c:v>54.545000000000002</c:v>
                </c:pt>
                <c:pt idx="1069">
                  <c:v>54.643000000000001</c:v>
                </c:pt>
                <c:pt idx="1070">
                  <c:v>54.545000000000002</c:v>
                </c:pt>
                <c:pt idx="1071">
                  <c:v>54.545000000000002</c:v>
                </c:pt>
                <c:pt idx="1072">
                  <c:v>54.545000000000002</c:v>
                </c:pt>
                <c:pt idx="1073">
                  <c:v>54.545000000000002</c:v>
                </c:pt>
                <c:pt idx="1074">
                  <c:v>54.545000000000002</c:v>
                </c:pt>
                <c:pt idx="1075">
                  <c:v>54.545000000000002</c:v>
                </c:pt>
                <c:pt idx="1076">
                  <c:v>54.545000000000002</c:v>
                </c:pt>
                <c:pt idx="1077">
                  <c:v>54.643000000000001</c:v>
                </c:pt>
                <c:pt idx="1078">
                  <c:v>54.643000000000001</c:v>
                </c:pt>
                <c:pt idx="1079">
                  <c:v>54.643000000000001</c:v>
                </c:pt>
                <c:pt idx="1080">
                  <c:v>54.741</c:v>
                </c:pt>
                <c:pt idx="1081">
                  <c:v>54.741</c:v>
                </c:pt>
                <c:pt idx="1082">
                  <c:v>54.741</c:v>
                </c:pt>
                <c:pt idx="1083">
                  <c:v>54.643000000000001</c:v>
                </c:pt>
                <c:pt idx="1084">
                  <c:v>54.741</c:v>
                </c:pt>
                <c:pt idx="1085">
                  <c:v>54.643000000000001</c:v>
                </c:pt>
                <c:pt idx="1086">
                  <c:v>54.741</c:v>
                </c:pt>
                <c:pt idx="1087">
                  <c:v>54.741</c:v>
                </c:pt>
                <c:pt idx="1088">
                  <c:v>54.741</c:v>
                </c:pt>
                <c:pt idx="1089">
                  <c:v>54.643000000000001</c:v>
                </c:pt>
                <c:pt idx="1090">
                  <c:v>54.643000000000001</c:v>
                </c:pt>
                <c:pt idx="1091">
                  <c:v>54.741</c:v>
                </c:pt>
                <c:pt idx="1092">
                  <c:v>54.741</c:v>
                </c:pt>
                <c:pt idx="1093">
                  <c:v>54.643000000000001</c:v>
                </c:pt>
                <c:pt idx="1094">
                  <c:v>54.741</c:v>
                </c:pt>
                <c:pt idx="1095">
                  <c:v>54.643000000000001</c:v>
                </c:pt>
                <c:pt idx="1096">
                  <c:v>54.741</c:v>
                </c:pt>
                <c:pt idx="1097">
                  <c:v>54.643000000000001</c:v>
                </c:pt>
                <c:pt idx="1098">
                  <c:v>54.741</c:v>
                </c:pt>
                <c:pt idx="1099">
                  <c:v>54.741</c:v>
                </c:pt>
                <c:pt idx="1100">
                  <c:v>54.741</c:v>
                </c:pt>
                <c:pt idx="1101">
                  <c:v>54.643000000000001</c:v>
                </c:pt>
                <c:pt idx="1102">
                  <c:v>54.643000000000001</c:v>
                </c:pt>
                <c:pt idx="1103">
                  <c:v>54.643000000000001</c:v>
                </c:pt>
                <c:pt idx="1104">
                  <c:v>54.643000000000001</c:v>
                </c:pt>
                <c:pt idx="1105">
                  <c:v>54.643000000000001</c:v>
                </c:pt>
                <c:pt idx="1106">
                  <c:v>54.643000000000001</c:v>
                </c:pt>
                <c:pt idx="1107">
                  <c:v>54.643000000000001</c:v>
                </c:pt>
                <c:pt idx="1108">
                  <c:v>54.448</c:v>
                </c:pt>
                <c:pt idx="1109">
                  <c:v>54.643000000000001</c:v>
                </c:pt>
                <c:pt idx="1110">
                  <c:v>54.643000000000001</c:v>
                </c:pt>
                <c:pt idx="1111">
                  <c:v>54.643000000000001</c:v>
                </c:pt>
                <c:pt idx="1112">
                  <c:v>54.741</c:v>
                </c:pt>
                <c:pt idx="1113">
                  <c:v>54.741</c:v>
                </c:pt>
                <c:pt idx="1114">
                  <c:v>54.643000000000001</c:v>
                </c:pt>
                <c:pt idx="1115">
                  <c:v>54.643000000000001</c:v>
                </c:pt>
                <c:pt idx="1116">
                  <c:v>54.741</c:v>
                </c:pt>
                <c:pt idx="1117">
                  <c:v>54.643000000000001</c:v>
                </c:pt>
                <c:pt idx="1118">
                  <c:v>54.643000000000001</c:v>
                </c:pt>
                <c:pt idx="1119">
                  <c:v>54.643000000000001</c:v>
                </c:pt>
                <c:pt idx="1120">
                  <c:v>54.643000000000001</c:v>
                </c:pt>
                <c:pt idx="1121">
                  <c:v>54.643000000000001</c:v>
                </c:pt>
                <c:pt idx="1122">
                  <c:v>54.643000000000001</c:v>
                </c:pt>
                <c:pt idx="1123">
                  <c:v>54.643000000000001</c:v>
                </c:pt>
                <c:pt idx="1124">
                  <c:v>54.448</c:v>
                </c:pt>
                <c:pt idx="1125">
                  <c:v>54.643000000000001</c:v>
                </c:pt>
                <c:pt idx="1126">
                  <c:v>54.545000000000002</c:v>
                </c:pt>
                <c:pt idx="1127">
                  <c:v>54.741</c:v>
                </c:pt>
                <c:pt idx="1128">
                  <c:v>54.838999999999999</c:v>
                </c:pt>
                <c:pt idx="1129">
                  <c:v>54.741</c:v>
                </c:pt>
                <c:pt idx="1130">
                  <c:v>54.741</c:v>
                </c:pt>
                <c:pt idx="1131">
                  <c:v>54.741</c:v>
                </c:pt>
                <c:pt idx="1132">
                  <c:v>54.741</c:v>
                </c:pt>
                <c:pt idx="1133">
                  <c:v>54.741</c:v>
                </c:pt>
                <c:pt idx="1134">
                  <c:v>54.838999999999999</c:v>
                </c:pt>
                <c:pt idx="1135">
                  <c:v>54.838999999999999</c:v>
                </c:pt>
                <c:pt idx="1136">
                  <c:v>54.838999999999999</c:v>
                </c:pt>
                <c:pt idx="1137">
                  <c:v>54.838999999999999</c:v>
                </c:pt>
                <c:pt idx="1138">
                  <c:v>54.838999999999999</c:v>
                </c:pt>
                <c:pt idx="1139">
                  <c:v>54.838999999999999</c:v>
                </c:pt>
                <c:pt idx="1140">
                  <c:v>54.741</c:v>
                </c:pt>
                <c:pt idx="1141">
                  <c:v>54.838999999999999</c:v>
                </c:pt>
                <c:pt idx="1142">
                  <c:v>54.838999999999999</c:v>
                </c:pt>
                <c:pt idx="1143">
                  <c:v>54.741</c:v>
                </c:pt>
                <c:pt idx="1144">
                  <c:v>54.741</c:v>
                </c:pt>
                <c:pt idx="1145">
                  <c:v>54.741</c:v>
                </c:pt>
                <c:pt idx="1146">
                  <c:v>54.741</c:v>
                </c:pt>
                <c:pt idx="1147">
                  <c:v>54.838999999999999</c:v>
                </c:pt>
                <c:pt idx="1148">
                  <c:v>54.741</c:v>
                </c:pt>
                <c:pt idx="1149">
                  <c:v>54.741</c:v>
                </c:pt>
                <c:pt idx="1150">
                  <c:v>54.741</c:v>
                </c:pt>
                <c:pt idx="1151">
                  <c:v>54.741</c:v>
                </c:pt>
                <c:pt idx="1152">
                  <c:v>54.741</c:v>
                </c:pt>
                <c:pt idx="1153">
                  <c:v>54.643000000000001</c:v>
                </c:pt>
                <c:pt idx="1154">
                  <c:v>54.545000000000002</c:v>
                </c:pt>
                <c:pt idx="1155">
                  <c:v>54.643000000000001</c:v>
                </c:pt>
                <c:pt idx="1156">
                  <c:v>54.643000000000001</c:v>
                </c:pt>
                <c:pt idx="1157">
                  <c:v>54.741</c:v>
                </c:pt>
                <c:pt idx="1158">
                  <c:v>54.741</c:v>
                </c:pt>
                <c:pt idx="1159">
                  <c:v>54.741</c:v>
                </c:pt>
                <c:pt idx="1160">
                  <c:v>54.741</c:v>
                </c:pt>
                <c:pt idx="1161">
                  <c:v>54.643000000000001</c:v>
                </c:pt>
                <c:pt idx="1162">
                  <c:v>54.643000000000001</c:v>
                </c:pt>
                <c:pt idx="1163">
                  <c:v>54.741</c:v>
                </c:pt>
                <c:pt idx="1164">
                  <c:v>54.741</c:v>
                </c:pt>
                <c:pt idx="1165">
                  <c:v>54.643000000000001</c:v>
                </c:pt>
                <c:pt idx="1166">
                  <c:v>54.741</c:v>
                </c:pt>
                <c:pt idx="1167">
                  <c:v>54.643000000000001</c:v>
                </c:pt>
                <c:pt idx="1168">
                  <c:v>54.643000000000001</c:v>
                </c:pt>
                <c:pt idx="1169">
                  <c:v>54.643000000000001</c:v>
                </c:pt>
                <c:pt idx="1170">
                  <c:v>54.741</c:v>
                </c:pt>
                <c:pt idx="1171">
                  <c:v>54.643000000000001</c:v>
                </c:pt>
                <c:pt idx="1172">
                  <c:v>54.741</c:v>
                </c:pt>
                <c:pt idx="1173">
                  <c:v>54.741</c:v>
                </c:pt>
                <c:pt idx="1174">
                  <c:v>54.741</c:v>
                </c:pt>
                <c:pt idx="1175">
                  <c:v>54.741</c:v>
                </c:pt>
                <c:pt idx="1176">
                  <c:v>54.741</c:v>
                </c:pt>
                <c:pt idx="1177">
                  <c:v>54.741</c:v>
                </c:pt>
                <c:pt idx="1178">
                  <c:v>54.741</c:v>
                </c:pt>
                <c:pt idx="1179">
                  <c:v>54.741</c:v>
                </c:pt>
                <c:pt idx="1180">
                  <c:v>54.741</c:v>
                </c:pt>
                <c:pt idx="1181">
                  <c:v>54.741</c:v>
                </c:pt>
                <c:pt idx="1182">
                  <c:v>54.741</c:v>
                </c:pt>
                <c:pt idx="1183">
                  <c:v>54.741</c:v>
                </c:pt>
                <c:pt idx="1184">
                  <c:v>54.643000000000001</c:v>
                </c:pt>
                <c:pt idx="1185">
                  <c:v>54.154000000000003</c:v>
                </c:pt>
                <c:pt idx="1186">
                  <c:v>54.741</c:v>
                </c:pt>
                <c:pt idx="1187">
                  <c:v>54.741</c:v>
                </c:pt>
                <c:pt idx="1188">
                  <c:v>54.643000000000001</c:v>
                </c:pt>
                <c:pt idx="1189">
                  <c:v>54.838999999999999</c:v>
                </c:pt>
                <c:pt idx="1190">
                  <c:v>54.838999999999999</c:v>
                </c:pt>
                <c:pt idx="1191">
                  <c:v>54.741</c:v>
                </c:pt>
                <c:pt idx="1192">
                  <c:v>54.741</c:v>
                </c:pt>
                <c:pt idx="1193">
                  <c:v>54.838999999999999</c:v>
                </c:pt>
                <c:pt idx="1194">
                  <c:v>54.936</c:v>
                </c:pt>
                <c:pt idx="1195">
                  <c:v>54.936</c:v>
                </c:pt>
                <c:pt idx="1196">
                  <c:v>55.131999999999998</c:v>
                </c:pt>
                <c:pt idx="1197">
                  <c:v>55.033999999999999</c:v>
                </c:pt>
                <c:pt idx="1198">
                  <c:v>55.033999999999999</c:v>
                </c:pt>
                <c:pt idx="1199">
                  <c:v>55.033999999999999</c:v>
                </c:pt>
                <c:pt idx="1200">
                  <c:v>55.033999999999999</c:v>
                </c:pt>
                <c:pt idx="1201">
                  <c:v>55.033999999999999</c:v>
                </c:pt>
                <c:pt idx="1202">
                  <c:v>55.033999999999999</c:v>
                </c:pt>
                <c:pt idx="1203">
                  <c:v>55.131999999999998</c:v>
                </c:pt>
                <c:pt idx="1204">
                  <c:v>55.033999999999999</c:v>
                </c:pt>
                <c:pt idx="1205">
                  <c:v>54.936</c:v>
                </c:pt>
                <c:pt idx="1206">
                  <c:v>54.936</c:v>
                </c:pt>
                <c:pt idx="1207">
                  <c:v>55.033999999999999</c:v>
                </c:pt>
                <c:pt idx="1208">
                  <c:v>54.936</c:v>
                </c:pt>
                <c:pt idx="1209">
                  <c:v>54.936</c:v>
                </c:pt>
                <c:pt idx="1210">
                  <c:v>54.936</c:v>
                </c:pt>
                <c:pt idx="1211">
                  <c:v>54.936</c:v>
                </c:pt>
                <c:pt idx="1212">
                  <c:v>54.936</c:v>
                </c:pt>
                <c:pt idx="1213">
                  <c:v>54.838999999999999</c:v>
                </c:pt>
                <c:pt idx="1214">
                  <c:v>54.936</c:v>
                </c:pt>
                <c:pt idx="1215">
                  <c:v>54.448</c:v>
                </c:pt>
                <c:pt idx="1216">
                  <c:v>54.936</c:v>
                </c:pt>
                <c:pt idx="1217">
                  <c:v>54.936</c:v>
                </c:pt>
                <c:pt idx="1218">
                  <c:v>54.838999999999999</c:v>
                </c:pt>
                <c:pt idx="1219">
                  <c:v>54.936</c:v>
                </c:pt>
                <c:pt idx="1220">
                  <c:v>54.545000000000002</c:v>
                </c:pt>
                <c:pt idx="1221">
                  <c:v>54.936</c:v>
                </c:pt>
                <c:pt idx="1222">
                  <c:v>55.033999999999999</c:v>
                </c:pt>
                <c:pt idx="1223">
                  <c:v>54.936</c:v>
                </c:pt>
                <c:pt idx="1224">
                  <c:v>55.033999999999999</c:v>
                </c:pt>
                <c:pt idx="1225">
                  <c:v>55.033999999999999</c:v>
                </c:pt>
                <c:pt idx="1226">
                  <c:v>54.545000000000002</c:v>
                </c:pt>
                <c:pt idx="1227">
                  <c:v>54.936</c:v>
                </c:pt>
                <c:pt idx="1228">
                  <c:v>55.033999999999999</c:v>
                </c:pt>
                <c:pt idx="1229">
                  <c:v>55.033999999999999</c:v>
                </c:pt>
                <c:pt idx="1230">
                  <c:v>55.033999999999999</c:v>
                </c:pt>
                <c:pt idx="1231">
                  <c:v>55.131999999999998</c:v>
                </c:pt>
                <c:pt idx="1232">
                  <c:v>55.033999999999999</c:v>
                </c:pt>
                <c:pt idx="1233">
                  <c:v>55.033999999999999</c:v>
                </c:pt>
                <c:pt idx="1234">
                  <c:v>54.936</c:v>
                </c:pt>
                <c:pt idx="1235">
                  <c:v>55.131999999999998</c:v>
                </c:pt>
                <c:pt idx="1236">
                  <c:v>55.033999999999999</c:v>
                </c:pt>
                <c:pt idx="1237">
                  <c:v>55.033999999999999</c:v>
                </c:pt>
                <c:pt idx="1238">
                  <c:v>54.936</c:v>
                </c:pt>
                <c:pt idx="1239">
                  <c:v>54.936</c:v>
                </c:pt>
                <c:pt idx="1240">
                  <c:v>54.936</c:v>
                </c:pt>
                <c:pt idx="1241">
                  <c:v>55.033999999999999</c:v>
                </c:pt>
                <c:pt idx="1242">
                  <c:v>55.033999999999999</c:v>
                </c:pt>
                <c:pt idx="1243">
                  <c:v>54.936</c:v>
                </c:pt>
                <c:pt idx="1244">
                  <c:v>54.838999999999999</c:v>
                </c:pt>
                <c:pt idx="1245">
                  <c:v>54.936</c:v>
                </c:pt>
                <c:pt idx="1246">
                  <c:v>55.033999999999999</c:v>
                </c:pt>
                <c:pt idx="1247">
                  <c:v>54.936</c:v>
                </c:pt>
                <c:pt idx="1248">
                  <c:v>55.131999999999998</c:v>
                </c:pt>
                <c:pt idx="1249">
                  <c:v>55.033999999999999</c:v>
                </c:pt>
                <c:pt idx="1250">
                  <c:v>55.033999999999999</c:v>
                </c:pt>
                <c:pt idx="1251">
                  <c:v>54.936</c:v>
                </c:pt>
                <c:pt idx="1252">
                  <c:v>55.033999999999999</c:v>
                </c:pt>
                <c:pt idx="1253">
                  <c:v>54.936</c:v>
                </c:pt>
                <c:pt idx="1254">
                  <c:v>54.936</c:v>
                </c:pt>
                <c:pt idx="1255">
                  <c:v>54.936</c:v>
                </c:pt>
                <c:pt idx="1256">
                  <c:v>54.936</c:v>
                </c:pt>
                <c:pt idx="1257">
                  <c:v>54.936</c:v>
                </c:pt>
                <c:pt idx="1258">
                  <c:v>54.741</c:v>
                </c:pt>
                <c:pt idx="1259">
                  <c:v>54.936</c:v>
                </c:pt>
                <c:pt idx="1260">
                  <c:v>54.936</c:v>
                </c:pt>
                <c:pt idx="1261">
                  <c:v>54.936</c:v>
                </c:pt>
                <c:pt idx="1262">
                  <c:v>54.936</c:v>
                </c:pt>
                <c:pt idx="1263">
                  <c:v>54.936</c:v>
                </c:pt>
                <c:pt idx="1264">
                  <c:v>54.936</c:v>
                </c:pt>
                <c:pt idx="1265">
                  <c:v>54.936</c:v>
                </c:pt>
                <c:pt idx="1266">
                  <c:v>54.838999999999999</c:v>
                </c:pt>
                <c:pt idx="1267">
                  <c:v>54.936</c:v>
                </c:pt>
                <c:pt idx="1268">
                  <c:v>54.936</c:v>
                </c:pt>
                <c:pt idx="1269">
                  <c:v>54.936</c:v>
                </c:pt>
                <c:pt idx="1270">
                  <c:v>54.936</c:v>
                </c:pt>
                <c:pt idx="1271">
                  <c:v>54.936</c:v>
                </c:pt>
                <c:pt idx="1272">
                  <c:v>54.936</c:v>
                </c:pt>
                <c:pt idx="1273">
                  <c:v>54.936</c:v>
                </c:pt>
                <c:pt idx="1274">
                  <c:v>54.936</c:v>
                </c:pt>
                <c:pt idx="1275">
                  <c:v>54.936</c:v>
                </c:pt>
                <c:pt idx="1276">
                  <c:v>54.936</c:v>
                </c:pt>
                <c:pt idx="1277">
                  <c:v>54.838999999999999</c:v>
                </c:pt>
                <c:pt idx="1278">
                  <c:v>54.838999999999999</c:v>
                </c:pt>
                <c:pt idx="1279">
                  <c:v>54.838999999999999</c:v>
                </c:pt>
                <c:pt idx="1280">
                  <c:v>54.838999999999999</c:v>
                </c:pt>
                <c:pt idx="1281">
                  <c:v>54.838999999999999</c:v>
                </c:pt>
                <c:pt idx="1282">
                  <c:v>54.838999999999999</c:v>
                </c:pt>
                <c:pt idx="1283">
                  <c:v>54.741</c:v>
                </c:pt>
                <c:pt idx="1284">
                  <c:v>54.741</c:v>
                </c:pt>
                <c:pt idx="1285">
                  <c:v>54.741</c:v>
                </c:pt>
                <c:pt idx="1286">
                  <c:v>54.643000000000001</c:v>
                </c:pt>
                <c:pt idx="1287">
                  <c:v>54.741</c:v>
                </c:pt>
                <c:pt idx="1288">
                  <c:v>54.741</c:v>
                </c:pt>
                <c:pt idx="1289">
                  <c:v>54.838999999999999</c:v>
                </c:pt>
                <c:pt idx="1290">
                  <c:v>54.838999999999999</c:v>
                </c:pt>
                <c:pt idx="1291">
                  <c:v>54.936</c:v>
                </c:pt>
                <c:pt idx="1292">
                  <c:v>54.838999999999999</c:v>
                </c:pt>
                <c:pt idx="1293">
                  <c:v>54.936</c:v>
                </c:pt>
                <c:pt idx="1294">
                  <c:v>54.838999999999999</c:v>
                </c:pt>
                <c:pt idx="1295">
                  <c:v>54.838999999999999</c:v>
                </c:pt>
                <c:pt idx="1296">
                  <c:v>54.838999999999999</c:v>
                </c:pt>
                <c:pt idx="1297">
                  <c:v>54.936</c:v>
                </c:pt>
                <c:pt idx="1298">
                  <c:v>54.838999999999999</c:v>
                </c:pt>
                <c:pt idx="1299">
                  <c:v>54.838999999999999</c:v>
                </c:pt>
                <c:pt idx="1300">
                  <c:v>54.838999999999999</c:v>
                </c:pt>
                <c:pt idx="1301">
                  <c:v>54.741</c:v>
                </c:pt>
                <c:pt idx="1302">
                  <c:v>54.741</c:v>
                </c:pt>
                <c:pt idx="1303">
                  <c:v>54.838999999999999</c:v>
                </c:pt>
                <c:pt idx="1304">
                  <c:v>54.838999999999999</c:v>
                </c:pt>
                <c:pt idx="1305">
                  <c:v>54.838999999999999</c:v>
                </c:pt>
                <c:pt idx="1306">
                  <c:v>54.838999999999999</c:v>
                </c:pt>
                <c:pt idx="1307">
                  <c:v>54.838999999999999</c:v>
                </c:pt>
                <c:pt idx="1308">
                  <c:v>54.838999999999999</c:v>
                </c:pt>
                <c:pt idx="1309">
                  <c:v>54.838999999999999</c:v>
                </c:pt>
                <c:pt idx="1310">
                  <c:v>54.936</c:v>
                </c:pt>
                <c:pt idx="1311">
                  <c:v>54.838999999999999</c:v>
                </c:pt>
                <c:pt idx="1312">
                  <c:v>54.936</c:v>
                </c:pt>
                <c:pt idx="1313">
                  <c:v>54.838999999999999</c:v>
                </c:pt>
                <c:pt idx="1314">
                  <c:v>54.936</c:v>
                </c:pt>
                <c:pt idx="1315">
                  <c:v>54.936</c:v>
                </c:pt>
                <c:pt idx="1316">
                  <c:v>54.838999999999999</c:v>
                </c:pt>
                <c:pt idx="1317">
                  <c:v>54.936</c:v>
                </c:pt>
                <c:pt idx="1318">
                  <c:v>54.936</c:v>
                </c:pt>
                <c:pt idx="1319">
                  <c:v>54.838999999999999</c:v>
                </c:pt>
                <c:pt idx="1320">
                  <c:v>54.936</c:v>
                </c:pt>
                <c:pt idx="1321">
                  <c:v>54.936</c:v>
                </c:pt>
                <c:pt idx="1322">
                  <c:v>54.936</c:v>
                </c:pt>
                <c:pt idx="1323">
                  <c:v>54.936</c:v>
                </c:pt>
                <c:pt idx="1324">
                  <c:v>54.936</c:v>
                </c:pt>
                <c:pt idx="1325">
                  <c:v>54.936</c:v>
                </c:pt>
                <c:pt idx="1326">
                  <c:v>54.936</c:v>
                </c:pt>
                <c:pt idx="1327">
                  <c:v>54.936</c:v>
                </c:pt>
                <c:pt idx="1328">
                  <c:v>54.838999999999999</c:v>
                </c:pt>
                <c:pt idx="1329">
                  <c:v>54.936</c:v>
                </c:pt>
                <c:pt idx="1330">
                  <c:v>54.838999999999999</c:v>
                </c:pt>
                <c:pt idx="1331">
                  <c:v>54.838999999999999</c:v>
                </c:pt>
                <c:pt idx="1332">
                  <c:v>54.936</c:v>
                </c:pt>
                <c:pt idx="1333">
                  <c:v>54.936</c:v>
                </c:pt>
                <c:pt idx="1334">
                  <c:v>54.838999999999999</c:v>
                </c:pt>
                <c:pt idx="1335">
                  <c:v>54.936</c:v>
                </c:pt>
                <c:pt idx="1336">
                  <c:v>54.936</c:v>
                </c:pt>
                <c:pt idx="1337">
                  <c:v>54.838999999999999</c:v>
                </c:pt>
                <c:pt idx="1338">
                  <c:v>54.936</c:v>
                </c:pt>
                <c:pt idx="1339">
                  <c:v>54.936</c:v>
                </c:pt>
                <c:pt idx="1340">
                  <c:v>54.936</c:v>
                </c:pt>
                <c:pt idx="1341">
                  <c:v>54.838999999999999</c:v>
                </c:pt>
                <c:pt idx="1342">
                  <c:v>54.838999999999999</c:v>
                </c:pt>
                <c:pt idx="1343">
                  <c:v>54.838999999999999</c:v>
                </c:pt>
                <c:pt idx="1344">
                  <c:v>54.838999999999999</c:v>
                </c:pt>
                <c:pt idx="1345">
                  <c:v>54.838999999999999</c:v>
                </c:pt>
                <c:pt idx="1346">
                  <c:v>54.838999999999999</c:v>
                </c:pt>
                <c:pt idx="1347">
                  <c:v>54.741</c:v>
                </c:pt>
                <c:pt idx="1348">
                  <c:v>54.741</c:v>
                </c:pt>
                <c:pt idx="1349">
                  <c:v>54.741</c:v>
                </c:pt>
                <c:pt idx="1350">
                  <c:v>54.838999999999999</c:v>
                </c:pt>
                <c:pt idx="1351">
                  <c:v>54.838999999999999</c:v>
                </c:pt>
                <c:pt idx="1352">
                  <c:v>54.838999999999999</c:v>
                </c:pt>
                <c:pt idx="1353">
                  <c:v>54.936</c:v>
                </c:pt>
                <c:pt idx="1354">
                  <c:v>54.936</c:v>
                </c:pt>
                <c:pt idx="1355">
                  <c:v>54.936</c:v>
                </c:pt>
                <c:pt idx="1356">
                  <c:v>54.936</c:v>
                </c:pt>
                <c:pt idx="1357">
                  <c:v>54.838999999999999</c:v>
                </c:pt>
                <c:pt idx="1358">
                  <c:v>54.936</c:v>
                </c:pt>
                <c:pt idx="1359">
                  <c:v>54.936</c:v>
                </c:pt>
                <c:pt idx="1360">
                  <c:v>54.936</c:v>
                </c:pt>
                <c:pt idx="1361">
                  <c:v>54.936</c:v>
                </c:pt>
                <c:pt idx="1362">
                  <c:v>54.936</c:v>
                </c:pt>
                <c:pt idx="1363">
                  <c:v>54.936</c:v>
                </c:pt>
                <c:pt idx="1364">
                  <c:v>54.936</c:v>
                </c:pt>
                <c:pt idx="1365">
                  <c:v>54.936</c:v>
                </c:pt>
                <c:pt idx="1366">
                  <c:v>54.936</c:v>
                </c:pt>
                <c:pt idx="1367">
                  <c:v>54.936</c:v>
                </c:pt>
                <c:pt idx="1368">
                  <c:v>55.033999999999999</c:v>
                </c:pt>
                <c:pt idx="1369">
                  <c:v>54.936</c:v>
                </c:pt>
                <c:pt idx="1370">
                  <c:v>54.936</c:v>
                </c:pt>
                <c:pt idx="1371">
                  <c:v>54.838999999999999</c:v>
                </c:pt>
                <c:pt idx="1372">
                  <c:v>54.936</c:v>
                </c:pt>
                <c:pt idx="1373">
                  <c:v>54.838999999999999</c:v>
                </c:pt>
                <c:pt idx="1374">
                  <c:v>54.838999999999999</c:v>
                </c:pt>
                <c:pt idx="1375">
                  <c:v>54.838999999999999</c:v>
                </c:pt>
                <c:pt idx="1376">
                  <c:v>54.936</c:v>
                </c:pt>
                <c:pt idx="1377">
                  <c:v>54.838999999999999</c:v>
                </c:pt>
                <c:pt idx="1378">
                  <c:v>54.936</c:v>
                </c:pt>
                <c:pt idx="1379">
                  <c:v>54.936</c:v>
                </c:pt>
                <c:pt idx="1380">
                  <c:v>54.936</c:v>
                </c:pt>
                <c:pt idx="1381">
                  <c:v>54.936</c:v>
                </c:pt>
                <c:pt idx="1382">
                  <c:v>54.936</c:v>
                </c:pt>
                <c:pt idx="1383">
                  <c:v>54.838999999999999</c:v>
                </c:pt>
                <c:pt idx="1384">
                  <c:v>54.838999999999999</c:v>
                </c:pt>
                <c:pt idx="1385">
                  <c:v>54.838999999999999</c:v>
                </c:pt>
                <c:pt idx="1386">
                  <c:v>54.936</c:v>
                </c:pt>
                <c:pt idx="1387">
                  <c:v>54.936</c:v>
                </c:pt>
                <c:pt idx="1388">
                  <c:v>54.936</c:v>
                </c:pt>
                <c:pt idx="1389">
                  <c:v>54.936</c:v>
                </c:pt>
                <c:pt idx="1390">
                  <c:v>54.936</c:v>
                </c:pt>
                <c:pt idx="1391">
                  <c:v>54.838999999999999</c:v>
                </c:pt>
                <c:pt idx="1392">
                  <c:v>54.936</c:v>
                </c:pt>
                <c:pt idx="1393">
                  <c:v>54.936</c:v>
                </c:pt>
                <c:pt idx="1394">
                  <c:v>54.741</c:v>
                </c:pt>
                <c:pt idx="1395">
                  <c:v>54.838999999999999</c:v>
                </c:pt>
                <c:pt idx="1396">
                  <c:v>54.838999999999999</c:v>
                </c:pt>
                <c:pt idx="1397">
                  <c:v>54.838999999999999</c:v>
                </c:pt>
                <c:pt idx="1398">
                  <c:v>54.741</c:v>
                </c:pt>
                <c:pt idx="1399">
                  <c:v>54.838999999999999</c:v>
                </c:pt>
                <c:pt idx="1400">
                  <c:v>54.741</c:v>
                </c:pt>
                <c:pt idx="1401">
                  <c:v>54.741</c:v>
                </c:pt>
                <c:pt idx="1402">
                  <c:v>54.741</c:v>
                </c:pt>
                <c:pt idx="1403">
                  <c:v>54.545000000000002</c:v>
                </c:pt>
                <c:pt idx="1404">
                  <c:v>54.741</c:v>
                </c:pt>
                <c:pt idx="1405">
                  <c:v>54.741</c:v>
                </c:pt>
                <c:pt idx="1406">
                  <c:v>54.741</c:v>
                </c:pt>
                <c:pt idx="1407">
                  <c:v>54.741</c:v>
                </c:pt>
                <c:pt idx="1408">
                  <c:v>54.643000000000001</c:v>
                </c:pt>
                <c:pt idx="1409">
                  <c:v>54.741</c:v>
                </c:pt>
                <c:pt idx="1410">
                  <c:v>54.741</c:v>
                </c:pt>
                <c:pt idx="1411">
                  <c:v>54.741</c:v>
                </c:pt>
                <c:pt idx="1412">
                  <c:v>54.741</c:v>
                </c:pt>
                <c:pt idx="1413">
                  <c:v>54.741</c:v>
                </c:pt>
                <c:pt idx="1414">
                  <c:v>54.741</c:v>
                </c:pt>
                <c:pt idx="1415">
                  <c:v>54.838999999999999</c:v>
                </c:pt>
                <c:pt idx="1416">
                  <c:v>54.741</c:v>
                </c:pt>
                <c:pt idx="1417">
                  <c:v>54.741</c:v>
                </c:pt>
                <c:pt idx="1418">
                  <c:v>54.741</c:v>
                </c:pt>
                <c:pt idx="1419">
                  <c:v>54.643000000000001</c:v>
                </c:pt>
                <c:pt idx="1420">
                  <c:v>54.741</c:v>
                </c:pt>
                <c:pt idx="1421">
                  <c:v>54.741</c:v>
                </c:pt>
                <c:pt idx="1422">
                  <c:v>54.643000000000001</c:v>
                </c:pt>
                <c:pt idx="1423">
                  <c:v>54.643000000000001</c:v>
                </c:pt>
                <c:pt idx="1424">
                  <c:v>54.643000000000001</c:v>
                </c:pt>
                <c:pt idx="1425">
                  <c:v>54.643000000000001</c:v>
                </c:pt>
                <c:pt idx="1426">
                  <c:v>54.741</c:v>
                </c:pt>
                <c:pt idx="1427">
                  <c:v>54.741</c:v>
                </c:pt>
                <c:pt idx="1428">
                  <c:v>54.741</c:v>
                </c:pt>
                <c:pt idx="1429">
                  <c:v>54.838999999999999</c:v>
                </c:pt>
                <c:pt idx="1430">
                  <c:v>54.741</c:v>
                </c:pt>
                <c:pt idx="1431">
                  <c:v>54.741</c:v>
                </c:pt>
                <c:pt idx="1432">
                  <c:v>54.741</c:v>
                </c:pt>
                <c:pt idx="1433">
                  <c:v>54.838999999999999</c:v>
                </c:pt>
                <c:pt idx="1434">
                  <c:v>54.838999999999999</c:v>
                </c:pt>
                <c:pt idx="1435">
                  <c:v>54.838999999999999</c:v>
                </c:pt>
                <c:pt idx="1436">
                  <c:v>54.838999999999999</c:v>
                </c:pt>
                <c:pt idx="1437">
                  <c:v>54.838999999999999</c:v>
                </c:pt>
                <c:pt idx="1438">
                  <c:v>54.838999999999999</c:v>
                </c:pt>
                <c:pt idx="1439">
                  <c:v>54.838999999999999</c:v>
                </c:pt>
                <c:pt idx="1440">
                  <c:v>54.838999999999999</c:v>
                </c:pt>
                <c:pt idx="1441">
                  <c:v>54.741</c:v>
                </c:pt>
                <c:pt idx="1442">
                  <c:v>54.838999999999999</c:v>
                </c:pt>
                <c:pt idx="1443">
                  <c:v>54.741</c:v>
                </c:pt>
                <c:pt idx="1444">
                  <c:v>54.741</c:v>
                </c:pt>
                <c:pt idx="1445">
                  <c:v>54.741</c:v>
                </c:pt>
                <c:pt idx="1446">
                  <c:v>54.741</c:v>
                </c:pt>
                <c:pt idx="1447">
                  <c:v>54.643000000000001</c:v>
                </c:pt>
                <c:pt idx="1448">
                  <c:v>54.741</c:v>
                </c:pt>
                <c:pt idx="1449">
                  <c:v>54.741</c:v>
                </c:pt>
                <c:pt idx="1450">
                  <c:v>54.838999999999999</c:v>
                </c:pt>
                <c:pt idx="1451">
                  <c:v>54.643000000000001</c:v>
                </c:pt>
                <c:pt idx="1452">
                  <c:v>54.838999999999999</c:v>
                </c:pt>
                <c:pt idx="1453">
                  <c:v>54.838999999999999</c:v>
                </c:pt>
                <c:pt idx="1454">
                  <c:v>54.838999999999999</c:v>
                </c:pt>
                <c:pt idx="1455">
                  <c:v>54.838999999999999</c:v>
                </c:pt>
                <c:pt idx="1456">
                  <c:v>54.838999999999999</c:v>
                </c:pt>
                <c:pt idx="1457">
                  <c:v>54.838999999999999</c:v>
                </c:pt>
                <c:pt idx="1458">
                  <c:v>54.643000000000001</c:v>
                </c:pt>
                <c:pt idx="1459">
                  <c:v>54.741</c:v>
                </c:pt>
                <c:pt idx="1460">
                  <c:v>54.741</c:v>
                </c:pt>
                <c:pt idx="1461">
                  <c:v>54.741</c:v>
                </c:pt>
                <c:pt idx="1462">
                  <c:v>54.741</c:v>
                </c:pt>
                <c:pt idx="1463">
                  <c:v>54.741</c:v>
                </c:pt>
                <c:pt idx="1464">
                  <c:v>54.643000000000001</c:v>
                </c:pt>
                <c:pt idx="1465">
                  <c:v>54.741</c:v>
                </c:pt>
                <c:pt idx="1466">
                  <c:v>54.741</c:v>
                </c:pt>
                <c:pt idx="1467">
                  <c:v>54.741</c:v>
                </c:pt>
                <c:pt idx="1468">
                  <c:v>54.838999999999999</c:v>
                </c:pt>
                <c:pt idx="1469">
                  <c:v>54.838999999999999</c:v>
                </c:pt>
                <c:pt idx="1470">
                  <c:v>54.838999999999999</c:v>
                </c:pt>
                <c:pt idx="1471">
                  <c:v>54.838999999999999</c:v>
                </c:pt>
                <c:pt idx="1472">
                  <c:v>54.838999999999999</c:v>
                </c:pt>
                <c:pt idx="1473">
                  <c:v>54.838999999999999</c:v>
                </c:pt>
                <c:pt idx="1474">
                  <c:v>54.838999999999999</c:v>
                </c:pt>
                <c:pt idx="1475">
                  <c:v>54.838999999999999</c:v>
                </c:pt>
                <c:pt idx="1476">
                  <c:v>54.936</c:v>
                </c:pt>
                <c:pt idx="1477">
                  <c:v>54.838999999999999</c:v>
                </c:pt>
                <c:pt idx="1478">
                  <c:v>54.936</c:v>
                </c:pt>
                <c:pt idx="1479">
                  <c:v>54.838999999999999</c:v>
                </c:pt>
                <c:pt idx="1480">
                  <c:v>54.741</c:v>
                </c:pt>
                <c:pt idx="1481">
                  <c:v>54.838999999999999</c:v>
                </c:pt>
                <c:pt idx="1482">
                  <c:v>54.741</c:v>
                </c:pt>
                <c:pt idx="1483">
                  <c:v>54.741</c:v>
                </c:pt>
                <c:pt idx="1484">
                  <c:v>54.741</c:v>
                </c:pt>
                <c:pt idx="1485">
                  <c:v>54.643000000000001</c:v>
                </c:pt>
                <c:pt idx="1486">
                  <c:v>54.741</c:v>
                </c:pt>
                <c:pt idx="1487">
                  <c:v>54.741</c:v>
                </c:pt>
                <c:pt idx="1488">
                  <c:v>54.643000000000001</c:v>
                </c:pt>
                <c:pt idx="1489">
                  <c:v>54.643000000000001</c:v>
                </c:pt>
                <c:pt idx="1490">
                  <c:v>54.741</c:v>
                </c:pt>
                <c:pt idx="1491">
                  <c:v>54.643000000000001</c:v>
                </c:pt>
                <c:pt idx="1492">
                  <c:v>54.643000000000001</c:v>
                </c:pt>
                <c:pt idx="1493">
                  <c:v>54.545000000000002</c:v>
                </c:pt>
                <c:pt idx="1494">
                  <c:v>54.643000000000001</c:v>
                </c:pt>
                <c:pt idx="1495">
                  <c:v>54.643000000000001</c:v>
                </c:pt>
                <c:pt idx="1496">
                  <c:v>54.545000000000002</c:v>
                </c:pt>
                <c:pt idx="1497">
                  <c:v>54.643000000000001</c:v>
                </c:pt>
                <c:pt idx="1498">
                  <c:v>54.643000000000001</c:v>
                </c:pt>
                <c:pt idx="1499">
                  <c:v>54.741</c:v>
                </c:pt>
                <c:pt idx="1500">
                  <c:v>54.643000000000001</c:v>
                </c:pt>
                <c:pt idx="1501">
                  <c:v>54.643000000000001</c:v>
                </c:pt>
                <c:pt idx="1502">
                  <c:v>54.643000000000001</c:v>
                </c:pt>
                <c:pt idx="1503">
                  <c:v>54.838999999999999</c:v>
                </c:pt>
                <c:pt idx="1504">
                  <c:v>54.741</c:v>
                </c:pt>
                <c:pt idx="1505">
                  <c:v>54.741</c:v>
                </c:pt>
                <c:pt idx="1506">
                  <c:v>54.741</c:v>
                </c:pt>
                <c:pt idx="1507">
                  <c:v>54.741</c:v>
                </c:pt>
                <c:pt idx="1508">
                  <c:v>54.545000000000002</c:v>
                </c:pt>
                <c:pt idx="1509">
                  <c:v>54.741</c:v>
                </c:pt>
                <c:pt idx="1510">
                  <c:v>54.643000000000001</c:v>
                </c:pt>
                <c:pt idx="1511">
                  <c:v>54.643000000000001</c:v>
                </c:pt>
                <c:pt idx="1512">
                  <c:v>54.741</c:v>
                </c:pt>
                <c:pt idx="1513">
                  <c:v>54.643000000000001</c:v>
                </c:pt>
                <c:pt idx="1514">
                  <c:v>54.741</c:v>
                </c:pt>
                <c:pt idx="1515">
                  <c:v>54.741</c:v>
                </c:pt>
                <c:pt idx="1516">
                  <c:v>54.643000000000001</c:v>
                </c:pt>
                <c:pt idx="1517">
                  <c:v>54.643000000000001</c:v>
                </c:pt>
                <c:pt idx="1518">
                  <c:v>54.545000000000002</c:v>
                </c:pt>
                <c:pt idx="1519">
                  <c:v>54.643000000000001</c:v>
                </c:pt>
                <c:pt idx="1520">
                  <c:v>54.643000000000001</c:v>
                </c:pt>
                <c:pt idx="1521">
                  <c:v>54.741</c:v>
                </c:pt>
                <c:pt idx="1522">
                  <c:v>54.643000000000001</c:v>
                </c:pt>
                <c:pt idx="1523">
                  <c:v>54.643000000000001</c:v>
                </c:pt>
                <c:pt idx="1524">
                  <c:v>54.643000000000001</c:v>
                </c:pt>
                <c:pt idx="1525">
                  <c:v>54.741</c:v>
                </c:pt>
                <c:pt idx="1526">
                  <c:v>54.741</c:v>
                </c:pt>
                <c:pt idx="1527">
                  <c:v>54.741</c:v>
                </c:pt>
                <c:pt idx="1528">
                  <c:v>54.936</c:v>
                </c:pt>
                <c:pt idx="1529">
                  <c:v>54.838999999999999</c:v>
                </c:pt>
                <c:pt idx="1530">
                  <c:v>54.838999999999999</c:v>
                </c:pt>
                <c:pt idx="1531">
                  <c:v>54.838999999999999</c:v>
                </c:pt>
                <c:pt idx="1532">
                  <c:v>54.838999999999999</c:v>
                </c:pt>
                <c:pt idx="1533">
                  <c:v>54.838999999999999</c:v>
                </c:pt>
                <c:pt idx="1534">
                  <c:v>54.838999999999999</c:v>
                </c:pt>
                <c:pt idx="1535">
                  <c:v>54.838999999999999</c:v>
                </c:pt>
                <c:pt idx="1536">
                  <c:v>54.936</c:v>
                </c:pt>
                <c:pt idx="1537">
                  <c:v>54.838999999999999</c:v>
                </c:pt>
                <c:pt idx="1538">
                  <c:v>54.936</c:v>
                </c:pt>
                <c:pt idx="1539">
                  <c:v>54.838999999999999</c:v>
                </c:pt>
                <c:pt idx="1540">
                  <c:v>54.741</c:v>
                </c:pt>
                <c:pt idx="1541">
                  <c:v>54.838999999999999</c:v>
                </c:pt>
                <c:pt idx="1542">
                  <c:v>54.838999999999999</c:v>
                </c:pt>
                <c:pt idx="1543">
                  <c:v>54.838999999999999</c:v>
                </c:pt>
                <c:pt idx="1544">
                  <c:v>54.838999999999999</c:v>
                </c:pt>
                <c:pt idx="1545">
                  <c:v>54.838999999999999</c:v>
                </c:pt>
                <c:pt idx="1546">
                  <c:v>54.838999999999999</c:v>
                </c:pt>
                <c:pt idx="1547">
                  <c:v>54.936</c:v>
                </c:pt>
                <c:pt idx="1548">
                  <c:v>54.838999999999999</c:v>
                </c:pt>
                <c:pt idx="1549">
                  <c:v>54.838999999999999</c:v>
                </c:pt>
                <c:pt idx="1550">
                  <c:v>54.838999999999999</c:v>
                </c:pt>
                <c:pt idx="1551">
                  <c:v>54.741</c:v>
                </c:pt>
                <c:pt idx="1552">
                  <c:v>54.741</c:v>
                </c:pt>
                <c:pt idx="1553">
                  <c:v>54.741</c:v>
                </c:pt>
                <c:pt idx="1554">
                  <c:v>54.741</c:v>
                </c:pt>
                <c:pt idx="1555">
                  <c:v>54.741</c:v>
                </c:pt>
                <c:pt idx="1556">
                  <c:v>54.741</c:v>
                </c:pt>
                <c:pt idx="1557">
                  <c:v>54.643000000000001</c:v>
                </c:pt>
                <c:pt idx="1558">
                  <c:v>54.741</c:v>
                </c:pt>
                <c:pt idx="1559">
                  <c:v>54.741</c:v>
                </c:pt>
                <c:pt idx="1560">
                  <c:v>54.643000000000001</c:v>
                </c:pt>
                <c:pt idx="1561">
                  <c:v>54.741</c:v>
                </c:pt>
                <c:pt idx="1562">
                  <c:v>54.741</c:v>
                </c:pt>
                <c:pt idx="1563">
                  <c:v>54.838999999999999</c:v>
                </c:pt>
                <c:pt idx="1564">
                  <c:v>54.838999999999999</c:v>
                </c:pt>
                <c:pt idx="1565">
                  <c:v>54.741</c:v>
                </c:pt>
                <c:pt idx="1566">
                  <c:v>54.741</c:v>
                </c:pt>
                <c:pt idx="1567">
                  <c:v>54.741</c:v>
                </c:pt>
                <c:pt idx="1568">
                  <c:v>54.838999999999999</c:v>
                </c:pt>
                <c:pt idx="1569">
                  <c:v>54.838999999999999</c:v>
                </c:pt>
                <c:pt idx="1570">
                  <c:v>54.741</c:v>
                </c:pt>
                <c:pt idx="1571">
                  <c:v>54.741</c:v>
                </c:pt>
                <c:pt idx="1572">
                  <c:v>54.838999999999999</c:v>
                </c:pt>
                <c:pt idx="1573">
                  <c:v>54.838999999999999</c:v>
                </c:pt>
                <c:pt idx="1574">
                  <c:v>54.838999999999999</c:v>
                </c:pt>
                <c:pt idx="1575">
                  <c:v>54.838999999999999</c:v>
                </c:pt>
                <c:pt idx="1576">
                  <c:v>54.838999999999999</c:v>
                </c:pt>
                <c:pt idx="1577">
                  <c:v>54.838999999999999</c:v>
                </c:pt>
                <c:pt idx="1578">
                  <c:v>54.838999999999999</c:v>
                </c:pt>
                <c:pt idx="1579">
                  <c:v>54.838999999999999</c:v>
                </c:pt>
                <c:pt idx="1580">
                  <c:v>54.838999999999999</c:v>
                </c:pt>
                <c:pt idx="1581">
                  <c:v>54.838999999999999</c:v>
                </c:pt>
                <c:pt idx="1582">
                  <c:v>54.838999999999999</c:v>
                </c:pt>
                <c:pt idx="1583">
                  <c:v>54.741</c:v>
                </c:pt>
                <c:pt idx="1584">
                  <c:v>54.838999999999999</c:v>
                </c:pt>
                <c:pt idx="1585">
                  <c:v>54.838999999999999</c:v>
                </c:pt>
                <c:pt idx="1586">
                  <c:v>54.741</c:v>
                </c:pt>
                <c:pt idx="1587">
                  <c:v>54.838999999999999</c:v>
                </c:pt>
                <c:pt idx="1588">
                  <c:v>54.741</c:v>
                </c:pt>
                <c:pt idx="1589">
                  <c:v>54.741</c:v>
                </c:pt>
                <c:pt idx="1590">
                  <c:v>54.838999999999999</c:v>
                </c:pt>
                <c:pt idx="1591">
                  <c:v>54.741</c:v>
                </c:pt>
                <c:pt idx="1592">
                  <c:v>54.741</c:v>
                </c:pt>
                <c:pt idx="1593">
                  <c:v>54.838999999999999</c:v>
                </c:pt>
                <c:pt idx="1594">
                  <c:v>54.838999999999999</c:v>
                </c:pt>
                <c:pt idx="1595">
                  <c:v>54.838999999999999</c:v>
                </c:pt>
                <c:pt idx="1596">
                  <c:v>54.838999999999999</c:v>
                </c:pt>
                <c:pt idx="1597">
                  <c:v>54.838999999999999</c:v>
                </c:pt>
                <c:pt idx="1598">
                  <c:v>54.838999999999999</c:v>
                </c:pt>
                <c:pt idx="1599">
                  <c:v>54.838999999999999</c:v>
                </c:pt>
                <c:pt idx="1600">
                  <c:v>54.838999999999999</c:v>
                </c:pt>
                <c:pt idx="1601">
                  <c:v>54.741</c:v>
                </c:pt>
                <c:pt idx="1602">
                  <c:v>54.838999999999999</c:v>
                </c:pt>
                <c:pt idx="1603">
                  <c:v>54.838999999999999</c:v>
                </c:pt>
                <c:pt idx="1604">
                  <c:v>54.838999999999999</c:v>
                </c:pt>
                <c:pt idx="1605">
                  <c:v>54.838999999999999</c:v>
                </c:pt>
                <c:pt idx="1606">
                  <c:v>54.741</c:v>
                </c:pt>
                <c:pt idx="1607">
                  <c:v>54.741</c:v>
                </c:pt>
                <c:pt idx="1608">
                  <c:v>54.741</c:v>
                </c:pt>
                <c:pt idx="1609">
                  <c:v>54.741</c:v>
                </c:pt>
                <c:pt idx="1610">
                  <c:v>54.741</c:v>
                </c:pt>
                <c:pt idx="1611">
                  <c:v>54.741</c:v>
                </c:pt>
                <c:pt idx="1612">
                  <c:v>54.741</c:v>
                </c:pt>
                <c:pt idx="1613">
                  <c:v>54.643000000000001</c:v>
                </c:pt>
                <c:pt idx="1614">
                  <c:v>54.741</c:v>
                </c:pt>
                <c:pt idx="1615">
                  <c:v>54.741</c:v>
                </c:pt>
                <c:pt idx="1616">
                  <c:v>54.741</c:v>
                </c:pt>
                <c:pt idx="1617">
                  <c:v>54.741</c:v>
                </c:pt>
                <c:pt idx="1618">
                  <c:v>54.741</c:v>
                </c:pt>
                <c:pt idx="1619">
                  <c:v>54.741</c:v>
                </c:pt>
                <c:pt idx="1620">
                  <c:v>54.741</c:v>
                </c:pt>
                <c:pt idx="1621">
                  <c:v>54.838999999999999</c:v>
                </c:pt>
                <c:pt idx="1622">
                  <c:v>54.838999999999999</c:v>
                </c:pt>
                <c:pt idx="1623">
                  <c:v>54.741</c:v>
                </c:pt>
                <c:pt idx="1624">
                  <c:v>54.838999999999999</c:v>
                </c:pt>
                <c:pt idx="1625">
                  <c:v>54.838999999999999</c:v>
                </c:pt>
                <c:pt idx="1626">
                  <c:v>54.741</c:v>
                </c:pt>
                <c:pt idx="1627">
                  <c:v>54.741</c:v>
                </c:pt>
                <c:pt idx="1628">
                  <c:v>54.741</c:v>
                </c:pt>
                <c:pt idx="1629">
                  <c:v>54.741</c:v>
                </c:pt>
                <c:pt idx="1630">
                  <c:v>54.838999999999999</c:v>
                </c:pt>
                <c:pt idx="1631">
                  <c:v>54.741</c:v>
                </c:pt>
                <c:pt idx="1632">
                  <c:v>54.838999999999999</c:v>
                </c:pt>
                <c:pt idx="1633">
                  <c:v>54.741</c:v>
                </c:pt>
                <c:pt idx="1634">
                  <c:v>54.741</c:v>
                </c:pt>
                <c:pt idx="1635">
                  <c:v>54.838999999999999</c:v>
                </c:pt>
                <c:pt idx="1636">
                  <c:v>54.838999999999999</c:v>
                </c:pt>
                <c:pt idx="1637">
                  <c:v>54.838999999999999</c:v>
                </c:pt>
                <c:pt idx="1638">
                  <c:v>54.838999999999999</c:v>
                </c:pt>
                <c:pt idx="1639">
                  <c:v>54.838999999999999</c:v>
                </c:pt>
                <c:pt idx="1640">
                  <c:v>54.838999999999999</c:v>
                </c:pt>
                <c:pt idx="1641">
                  <c:v>54.741</c:v>
                </c:pt>
                <c:pt idx="1642">
                  <c:v>54.741</c:v>
                </c:pt>
                <c:pt idx="1643">
                  <c:v>54.741</c:v>
                </c:pt>
                <c:pt idx="1644">
                  <c:v>54.741</c:v>
                </c:pt>
                <c:pt idx="1645">
                  <c:v>54.741</c:v>
                </c:pt>
                <c:pt idx="1646">
                  <c:v>54.741</c:v>
                </c:pt>
                <c:pt idx="1647">
                  <c:v>54.741</c:v>
                </c:pt>
                <c:pt idx="1648">
                  <c:v>54.741</c:v>
                </c:pt>
                <c:pt idx="1649">
                  <c:v>54.741</c:v>
                </c:pt>
                <c:pt idx="1650">
                  <c:v>54.741</c:v>
                </c:pt>
                <c:pt idx="1651">
                  <c:v>54.741</c:v>
                </c:pt>
                <c:pt idx="1652">
                  <c:v>54.741</c:v>
                </c:pt>
                <c:pt idx="1653">
                  <c:v>54.643000000000001</c:v>
                </c:pt>
                <c:pt idx="1654">
                  <c:v>54.643000000000001</c:v>
                </c:pt>
                <c:pt idx="1655">
                  <c:v>54.643000000000001</c:v>
                </c:pt>
                <c:pt idx="1656">
                  <c:v>54.643000000000001</c:v>
                </c:pt>
                <c:pt idx="1657">
                  <c:v>54.643000000000001</c:v>
                </c:pt>
                <c:pt idx="1658">
                  <c:v>54.643000000000001</c:v>
                </c:pt>
                <c:pt idx="1659">
                  <c:v>54.643000000000001</c:v>
                </c:pt>
                <c:pt idx="1660">
                  <c:v>54.643000000000001</c:v>
                </c:pt>
                <c:pt idx="1661">
                  <c:v>54.545000000000002</c:v>
                </c:pt>
                <c:pt idx="1662">
                  <c:v>54.545000000000002</c:v>
                </c:pt>
                <c:pt idx="1663">
                  <c:v>54.545000000000002</c:v>
                </c:pt>
                <c:pt idx="1664">
                  <c:v>54.448</c:v>
                </c:pt>
                <c:pt idx="1665">
                  <c:v>54.448</c:v>
                </c:pt>
                <c:pt idx="1666">
                  <c:v>54.545000000000002</c:v>
                </c:pt>
                <c:pt idx="1667">
                  <c:v>54.545000000000002</c:v>
                </c:pt>
                <c:pt idx="1668">
                  <c:v>54.545000000000002</c:v>
                </c:pt>
                <c:pt idx="1669">
                  <c:v>54.643000000000001</c:v>
                </c:pt>
                <c:pt idx="1670">
                  <c:v>54.545000000000002</c:v>
                </c:pt>
                <c:pt idx="1671">
                  <c:v>54.545000000000002</c:v>
                </c:pt>
                <c:pt idx="1672">
                  <c:v>54.545000000000002</c:v>
                </c:pt>
                <c:pt idx="1673">
                  <c:v>54.643000000000001</c:v>
                </c:pt>
                <c:pt idx="1674">
                  <c:v>54.643000000000001</c:v>
                </c:pt>
                <c:pt idx="1675">
                  <c:v>54.643000000000001</c:v>
                </c:pt>
                <c:pt idx="1676">
                  <c:v>54.643000000000001</c:v>
                </c:pt>
                <c:pt idx="1677">
                  <c:v>54.643000000000001</c:v>
                </c:pt>
                <c:pt idx="1678">
                  <c:v>54.643000000000001</c:v>
                </c:pt>
                <c:pt idx="1679">
                  <c:v>54.643000000000001</c:v>
                </c:pt>
                <c:pt idx="1680">
                  <c:v>54.741</c:v>
                </c:pt>
                <c:pt idx="1681">
                  <c:v>54.838999999999999</c:v>
                </c:pt>
                <c:pt idx="1682">
                  <c:v>54.741</c:v>
                </c:pt>
                <c:pt idx="1683">
                  <c:v>54.741</c:v>
                </c:pt>
                <c:pt idx="1684">
                  <c:v>54.741</c:v>
                </c:pt>
                <c:pt idx="1685">
                  <c:v>54.643000000000001</c:v>
                </c:pt>
                <c:pt idx="1686">
                  <c:v>54.643000000000001</c:v>
                </c:pt>
                <c:pt idx="1687">
                  <c:v>54.643000000000001</c:v>
                </c:pt>
                <c:pt idx="1688">
                  <c:v>54.741</c:v>
                </c:pt>
                <c:pt idx="1689">
                  <c:v>54.741</c:v>
                </c:pt>
                <c:pt idx="1690">
                  <c:v>54.741</c:v>
                </c:pt>
                <c:pt idx="1691">
                  <c:v>54.741</c:v>
                </c:pt>
                <c:pt idx="1692">
                  <c:v>54.741</c:v>
                </c:pt>
                <c:pt idx="1693">
                  <c:v>54.741</c:v>
                </c:pt>
                <c:pt idx="1694">
                  <c:v>54.838999999999999</c:v>
                </c:pt>
                <c:pt idx="1695">
                  <c:v>54.838999999999999</c:v>
                </c:pt>
                <c:pt idx="1696">
                  <c:v>54.741</c:v>
                </c:pt>
                <c:pt idx="1697">
                  <c:v>54.838999999999999</c:v>
                </c:pt>
                <c:pt idx="1698">
                  <c:v>54.838999999999999</c:v>
                </c:pt>
                <c:pt idx="1699">
                  <c:v>54.838999999999999</c:v>
                </c:pt>
                <c:pt idx="1700">
                  <c:v>54.741</c:v>
                </c:pt>
                <c:pt idx="1701">
                  <c:v>54.741</c:v>
                </c:pt>
                <c:pt idx="1702">
                  <c:v>54.838999999999999</c:v>
                </c:pt>
                <c:pt idx="1703">
                  <c:v>54.838999999999999</c:v>
                </c:pt>
                <c:pt idx="1704">
                  <c:v>54.741</c:v>
                </c:pt>
                <c:pt idx="1705">
                  <c:v>54.741</c:v>
                </c:pt>
                <c:pt idx="1706">
                  <c:v>54.741</c:v>
                </c:pt>
                <c:pt idx="1707">
                  <c:v>54.741</c:v>
                </c:pt>
                <c:pt idx="1708">
                  <c:v>54.741</c:v>
                </c:pt>
                <c:pt idx="1709">
                  <c:v>54.741</c:v>
                </c:pt>
                <c:pt idx="1710">
                  <c:v>54.741</c:v>
                </c:pt>
                <c:pt idx="1711">
                  <c:v>54.741</c:v>
                </c:pt>
                <c:pt idx="1712">
                  <c:v>54.741</c:v>
                </c:pt>
                <c:pt idx="1713">
                  <c:v>54.741</c:v>
                </c:pt>
                <c:pt idx="1714">
                  <c:v>54.741</c:v>
                </c:pt>
                <c:pt idx="1715">
                  <c:v>54.741</c:v>
                </c:pt>
                <c:pt idx="1716">
                  <c:v>54.741</c:v>
                </c:pt>
                <c:pt idx="1717">
                  <c:v>54.741</c:v>
                </c:pt>
                <c:pt idx="1718">
                  <c:v>54.643000000000001</c:v>
                </c:pt>
                <c:pt idx="1719">
                  <c:v>54.643000000000001</c:v>
                </c:pt>
                <c:pt idx="1720">
                  <c:v>54.741</c:v>
                </c:pt>
                <c:pt idx="1721">
                  <c:v>54.643000000000001</c:v>
                </c:pt>
                <c:pt idx="1722">
                  <c:v>54.643000000000001</c:v>
                </c:pt>
                <c:pt idx="1723">
                  <c:v>54.741</c:v>
                </c:pt>
                <c:pt idx="1724">
                  <c:v>54.741</c:v>
                </c:pt>
                <c:pt idx="1725">
                  <c:v>54.741</c:v>
                </c:pt>
                <c:pt idx="1726">
                  <c:v>54.741</c:v>
                </c:pt>
                <c:pt idx="1727">
                  <c:v>54.643000000000001</c:v>
                </c:pt>
                <c:pt idx="1728">
                  <c:v>54.741</c:v>
                </c:pt>
                <c:pt idx="1729">
                  <c:v>54.643000000000001</c:v>
                </c:pt>
                <c:pt idx="1730">
                  <c:v>54.643000000000001</c:v>
                </c:pt>
                <c:pt idx="1731">
                  <c:v>54.643000000000001</c:v>
                </c:pt>
                <c:pt idx="1732">
                  <c:v>54.643000000000001</c:v>
                </c:pt>
                <c:pt idx="1733">
                  <c:v>54.643000000000001</c:v>
                </c:pt>
                <c:pt idx="1734">
                  <c:v>54.643000000000001</c:v>
                </c:pt>
                <c:pt idx="1735">
                  <c:v>54.643000000000001</c:v>
                </c:pt>
                <c:pt idx="1736">
                  <c:v>54.643000000000001</c:v>
                </c:pt>
                <c:pt idx="1737">
                  <c:v>54.741</c:v>
                </c:pt>
                <c:pt idx="1738">
                  <c:v>54.741</c:v>
                </c:pt>
                <c:pt idx="1739">
                  <c:v>54.741</c:v>
                </c:pt>
                <c:pt idx="1740">
                  <c:v>54.643000000000001</c:v>
                </c:pt>
                <c:pt idx="1741">
                  <c:v>54.741</c:v>
                </c:pt>
                <c:pt idx="1742">
                  <c:v>54.741</c:v>
                </c:pt>
                <c:pt idx="1743">
                  <c:v>54.643000000000001</c:v>
                </c:pt>
                <c:pt idx="1744">
                  <c:v>54.643000000000001</c:v>
                </c:pt>
                <c:pt idx="1745">
                  <c:v>54.643000000000001</c:v>
                </c:pt>
                <c:pt idx="1746">
                  <c:v>54.643000000000001</c:v>
                </c:pt>
                <c:pt idx="1747">
                  <c:v>54.643000000000001</c:v>
                </c:pt>
                <c:pt idx="1748">
                  <c:v>54.643000000000001</c:v>
                </c:pt>
                <c:pt idx="1749">
                  <c:v>54.643000000000001</c:v>
                </c:pt>
                <c:pt idx="1750">
                  <c:v>54.643000000000001</c:v>
                </c:pt>
                <c:pt idx="1751">
                  <c:v>54.741</c:v>
                </c:pt>
                <c:pt idx="1752">
                  <c:v>54.741</c:v>
                </c:pt>
                <c:pt idx="1753">
                  <c:v>54.741</c:v>
                </c:pt>
                <c:pt idx="1754">
                  <c:v>54.741</c:v>
                </c:pt>
                <c:pt idx="1755">
                  <c:v>54.741</c:v>
                </c:pt>
                <c:pt idx="1756">
                  <c:v>54.741</c:v>
                </c:pt>
                <c:pt idx="1757">
                  <c:v>54.643000000000001</c:v>
                </c:pt>
                <c:pt idx="1758">
                  <c:v>54.741</c:v>
                </c:pt>
                <c:pt idx="1759">
                  <c:v>54.741</c:v>
                </c:pt>
                <c:pt idx="1760">
                  <c:v>54.741</c:v>
                </c:pt>
                <c:pt idx="1761">
                  <c:v>54.741</c:v>
                </c:pt>
                <c:pt idx="1762">
                  <c:v>54.741</c:v>
                </c:pt>
                <c:pt idx="1763">
                  <c:v>54.741</c:v>
                </c:pt>
                <c:pt idx="1764">
                  <c:v>54.741</c:v>
                </c:pt>
                <c:pt idx="1765">
                  <c:v>54.643000000000001</c:v>
                </c:pt>
                <c:pt idx="1766">
                  <c:v>54.741</c:v>
                </c:pt>
                <c:pt idx="1767">
                  <c:v>54.838999999999999</c:v>
                </c:pt>
                <c:pt idx="1768">
                  <c:v>54.741</c:v>
                </c:pt>
                <c:pt idx="1769">
                  <c:v>54.741</c:v>
                </c:pt>
                <c:pt idx="1770">
                  <c:v>54.838999999999999</c:v>
                </c:pt>
                <c:pt idx="1771">
                  <c:v>54.838999999999999</c:v>
                </c:pt>
                <c:pt idx="1772">
                  <c:v>54.741</c:v>
                </c:pt>
                <c:pt idx="1773">
                  <c:v>54.838999999999999</c:v>
                </c:pt>
                <c:pt idx="1774">
                  <c:v>54.838999999999999</c:v>
                </c:pt>
                <c:pt idx="1775">
                  <c:v>54.741</c:v>
                </c:pt>
                <c:pt idx="1776">
                  <c:v>54.838999999999999</c:v>
                </c:pt>
                <c:pt idx="1777">
                  <c:v>54.838999999999999</c:v>
                </c:pt>
                <c:pt idx="1778">
                  <c:v>54.838999999999999</c:v>
                </c:pt>
                <c:pt idx="1779">
                  <c:v>54.838999999999999</c:v>
                </c:pt>
                <c:pt idx="1780">
                  <c:v>54.741</c:v>
                </c:pt>
                <c:pt idx="1781">
                  <c:v>54.838999999999999</c:v>
                </c:pt>
                <c:pt idx="1782">
                  <c:v>54.838999999999999</c:v>
                </c:pt>
                <c:pt idx="1783">
                  <c:v>54.838999999999999</c:v>
                </c:pt>
                <c:pt idx="1784">
                  <c:v>54.838999999999999</c:v>
                </c:pt>
                <c:pt idx="1785">
                  <c:v>54.838999999999999</c:v>
                </c:pt>
                <c:pt idx="1786">
                  <c:v>54.838999999999999</c:v>
                </c:pt>
                <c:pt idx="1787">
                  <c:v>54.936</c:v>
                </c:pt>
                <c:pt idx="1788">
                  <c:v>54.838999999999999</c:v>
                </c:pt>
                <c:pt idx="1789">
                  <c:v>54.838999999999999</c:v>
                </c:pt>
                <c:pt idx="1790">
                  <c:v>54.936</c:v>
                </c:pt>
                <c:pt idx="1791">
                  <c:v>54.838999999999999</c:v>
                </c:pt>
                <c:pt idx="1792">
                  <c:v>54.936</c:v>
                </c:pt>
                <c:pt idx="1793">
                  <c:v>54.838999999999999</c:v>
                </c:pt>
                <c:pt idx="1794">
                  <c:v>54.838999999999999</c:v>
                </c:pt>
                <c:pt idx="1795">
                  <c:v>54.838999999999999</c:v>
                </c:pt>
                <c:pt idx="1796">
                  <c:v>54.838999999999999</c:v>
                </c:pt>
                <c:pt idx="1797">
                  <c:v>54.838999999999999</c:v>
                </c:pt>
                <c:pt idx="1798">
                  <c:v>54.936</c:v>
                </c:pt>
                <c:pt idx="1799">
                  <c:v>54.8389999999999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2606-4773-9239-613BFFFCF1C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765899871"/>
        <c:axId val="1764042207"/>
      </c:scatterChart>
      <c:valAx>
        <c:axId val="1765899871"/>
        <c:scaling>
          <c:orientation val="minMax"/>
          <c:max val="1799"/>
          <c:min val="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64042207"/>
        <c:crosses val="autoZero"/>
        <c:crossBetween val="midCat"/>
      </c:valAx>
      <c:valAx>
        <c:axId val="1764042207"/>
        <c:scaling>
          <c:orientation val="minMax"/>
          <c:max val="80"/>
          <c:min val="15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65899871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Light (%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30Outside'!$F$1</c:f>
              <c:strCache>
                <c:ptCount val="1"/>
                <c:pt idx="0">
                  <c:v>light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30Outside'!$A$2:$A$1801</c:f>
              <c:numCache>
                <c:formatCode>General</c:formatCode>
                <c:ptCount val="1800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1</c:v>
                </c:pt>
                <c:pt idx="1002">
                  <c:v>1002</c:v>
                </c:pt>
                <c:pt idx="1003">
                  <c:v>1003</c:v>
                </c:pt>
                <c:pt idx="1004">
                  <c:v>1004</c:v>
                </c:pt>
                <c:pt idx="1005">
                  <c:v>1005</c:v>
                </c:pt>
                <c:pt idx="1006">
                  <c:v>1006</c:v>
                </c:pt>
                <c:pt idx="1007">
                  <c:v>1007</c:v>
                </c:pt>
                <c:pt idx="1008">
                  <c:v>1008</c:v>
                </c:pt>
                <c:pt idx="1009">
                  <c:v>1009</c:v>
                </c:pt>
                <c:pt idx="1010">
                  <c:v>1010</c:v>
                </c:pt>
                <c:pt idx="1011">
                  <c:v>1011</c:v>
                </c:pt>
                <c:pt idx="1012">
                  <c:v>1012</c:v>
                </c:pt>
                <c:pt idx="1013">
                  <c:v>1013</c:v>
                </c:pt>
                <c:pt idx="1014">
                  <c:v>1014</c:v>
                </c:pt>
                <c:pt idx="1015">
                  <c:v>1015</c:v>
                </c:pt>
                <c:pt idx="1016">
                  <c:v>1016</c:v>
                </c:pt>
                <c:pt idx="1017">
                  <c:v>1017</c:v>
                </c:pt>
                <c:pt idx="1018">
                  <c:v>1018</c:v>
                </c:pt>
                <c:pt idx="1019">
                  <c:v>1019</c:v>
                </c:pt>
                <c:pt idx="1020">
                  <c:v>1020</c:v>
                </c:pt>
                <c:pt idx="1021">
                  <c:v>1021</c:v>
                </c:pt>
                <c:pt idx="1022">
                  <c:v>1022</c:v>
                </c:pt>
                <c:pt idx="1023">
                  <c:v>1023</c:v>
                </c:pt>
                <c:pt idx="1024">
                  <c:v>1024</c:v>
                </c:pt>
                <c:pt idx="1025">
                  <c:v>1025</c:v>
                </c:pt>
                <c:pt idx="1026">
                  <c:v>1026</c:v>
                </c:pt>
                <c:pt idx="1027">
                  <c:v>1027</c:v>
                </c:pt>
                <c:pt idx="1028">
                  <c:v>1028</c:v>
                </c:pt>
                <c:pt idx="1029">
                  <c:v>1029</c:v>
                </c:pt>
                <c:pt idx="1030">
                  <c:v>1030</c:v>
                </c:pt>
                <c:pt idx="1031">
                  <c:v>1031</c:v>
                </c:pt>
                <c:pt idx="1032">
                  <c:v>1032</c:v>
                </c:pt>
                <c:pt idx="1033">
                  <c:v>1033</c:v>
                </c:pt>
                <c:pt idx="1034">
                  <c:v>1034</c:v>
                </c:pt>
                <c:pt idx="1035">
                  <c:v>1035</c:v>
                </c:pt>
                <c:pt idx="1036">
                  <c:v>1036</c:v>
                </c:pt>
                <c:pt idx="1037">
                  <c:v>1037</c:v>
                </c:pt>
                <c:pt idx="1038">
                  <c:v>1038</c:v>
                </c:pt>
                <c:pt idx="1039">
                  <c:v>1039</c:v>
                </c:pt>
                <c:pt idx="1040">
                  <c:v>1040</c:v>
                </c:pt>
                <c:pt idx="1041">
                  <c:v>1041</c:v>
                </c:pt>
                <c:pt idx="1042">
                  <c:v>1042</c:v>
                </c:pt>
                <c:pt idx="1043">
                  <c:v>1043</c:v>
                </c:pt>
                <c:pt idx="1044">
                  <c:v>1044</c:v>
                </c:pt>
                <c:pt idx="1045">
                  <c:v>1045</c:v>
                </c:pt>
                <c:pt idx="1046">
                  <c:v>1046</c:v>
                </c:pt>
                <c:pt idx="1047">
                  <c:v>1047</c:v>
                </c:pt>
                <c:pt idx="1048">
                  <c:v>1048</c:v>
                </c:pt>
                <c:pt idx="1049">
                  <c:v>1049</c:v>
                </c:pt>
                <c:pt idx="1050">
                  <c:v>1050</c:v>
                </c:pt>
                <c:pt idx="1051">
                  <c:v>1051</c:v>
                </c:pt>
                <c:pt idx="1052">
                  <c:v>1052</c:v>
                </c:pt>
                <c:pt idx="1053">
                  <c:v>1053</c:v>
                </c:pt>
                <c:pt idx="1054">
                  <c:v>1054</c:v>
                </c:pt>
                <c:pt idx="1055">
                  <c:v>1055</c:v>
                </c:pt>
                <c:pt idx="1056">
                  <c:v>1056</c:v>
                </c:pt>
                <c:pt idx="1057">
                  <c:v>1057</c:v>
                </c:pt>
                <c:pt idx="1058">
                  <c:v>1058</c:v>
                </c:pt>
                <c:pt idx="1059">
                  <c:v>1059</c:v>
                </c:pt>
                <c:pt idx="1060">
                  <c:v>1060</c:v>
                </c:pt>
                <c:pt idx="1061">
                  <c:v>1061</c:v>
                </c:pt>
                <c:pt idx="1062">
                  <c:v>1062</c:v>
                </c:pt>
                <c:pt idx="1063">
                  <c:v>1063</c:v>
                </c:pt>
                <c:pt idx="1064">
                  <c:v>1064</c:v>
                </c:pt>
                <c:pt idx="1065">
                  <c:v>1065</c:v>
                </c:pt>
                <c:pt idx="1066">
                  <c:v>1066</c:v>
                </c:pt>
                <c:pt idx="1067">
                  <c:v>1067</c:v>
                </c:pt>
                <c:pt idx="1068">
                  <c:v>1068</c:v>
                </c:pt>
                <c:pt idx="1069">
                  <c:v>1069</c:v>
                </c:pt>
                <c:pt idx="1070">
                  <c:v>1070</c:v>
                </c:pt>
                <c:pt idx="1071">
                  <c:v>1071</c:v>
                </c:pt>
                <c:pt idx="1072">
                  <c:v>1072</c:v>
                </c:pt>
                <c:pt idx="1073">
                  <c:v>1073</c:v>
                </c:pt>
                <c:pt idx="1074">
                  <c:v>1074</c:v>
                </c:pt>
                <c:pt idx="1075">
                  <c:v>1075</c:v>
                </c:pt>
                <c:pt idx="1076">
                  <c:v>1076</c:v>
                </c:pt>
                <c:pt idx="1077">
                  <c:v>1077</c:v>
                </c:pt>
                <c:pt idx="1078">
                  <c:v>1078</c:v>
                </c:pt>
                <c:pt idx="1079">
                  <c:v>1079</c:v>
                </c:pt>
                <c:pt idx="1080">
                  <c:v>1080</c:v>
                </c:pt>
                <c:pt idx="1081">
                  <c:v>1081</c:v>
                </c:pt>
                <c:pt idx="1082">
                  <c:v>1082</c:v>
                </c:pt>
                <c:pt idx="1083">
                  <c:v>1083</c:v>
                </c:pt>
                <c:pt idx="1084">
                  <c:v>1084</c:v>
                </c:pt>
                <c:pt idx="1085">
                  <c:v>1085</c:v>
                </c:pt>
                <c:pt idx="1086">
                  <c:v>1086</c:v>
                </c:pt>
                <c:pt idx="1087">
                  <c:v>1087</c:v>
                </c:pt>
                <c:pt idx="1088">
                  <c:v>1088</c:v>
                </c:pt>
                <c:pt idx="1089">
                  <c:v>1089</c:v>
                </c:pt>
                <c:pt idx="1090">
                  <c:v>1090</c:v>
                </c:pt>
                <c:pt idx="1091">
                  <c:v>1091</c:v>
                </c:pt>
                <c:pt idx="1092">
                  <c:v>1092</c:v>
                </c:pt>
                <c:pt idx="1093">
                  <c:v>1093</c:v>
                </c:pt>
                <c:pt idx="1094">
                  <c:v>1094</c:v>
                </c:pt>
                <c:pt idx="1095">
                  <c:v>1095</c:v>
                </c:pt>
                <c:pt idx="1096">
                  <c:v>1096</c:v>
                </c:pt>
                <c:pt idx="1097">
                  <c:v>1097</c:v>
                </c:pt>
                <c:pt idx="1098">
                  <c:v>1098</c:v>
                </c:pt>
                <c:pt idx="1099">
                  <c:v>1099</c:v>
                </c:pt>
                <c:pt idx="1100">
                  <c:v>1100</c:v>
                </c:pt>
                <c:pt idx="1101">
                  <c:v>1101</c:v>
                </c:pt>
                <c:pt idx="1102">
                  <c:v>1102</c:v>
                </c:pt>
                <c:pt idx="1103">
                  <c:v>1103</c:v>
                </c:pt>
                <c:pt idx="1104">
                  <c:v>1104</c:v>
                </c:pt>
                <c:pt idx="1105">
                  <c:v>1105</c:v>
                </c:pt>
                <c:pt idx="1106">
                  <c:v>1106</c:v>
                </c:pt>
                <c:pt idx="1107">
                  <c:v>1107</c:v>
                </c:pt>
                <c:pt idx="1108">
                  <c:v>1108</c:v>
                </c:pt>
                <c:pt idx="1109">
                  <c:v>1109</c:v>
                </c:pt>
                <c:pt idx="1110">
                  <c:v>1110</c:v>
                </c:pt>
                <c:pt idx="1111">
                  <c:v>1111</c:v>
                </c:pt>
                <c:pt idx="1112">
                  <c:v>1112</c:v>
                </c:pt>
                <c:pt idx="1113">
                  <c:v>1113</c:v>
                </c:pt>
                <c:pt idx="1114">
                  <c:v>1114</c:v>
                </c:pt>
                <c:pt idx="1115">
                  <c:v>1115</c:v>
                </c:pt>
                <c:pt idx="1116">
                  <c:v>1116</c:v>
                </c:pt>
                <c:pt idx="1117">
                  <c:v>1117</c:v>
                </c:pt>
                <c:pt idx="1118">
                  <c:v>1118</c:v>
                </c:pt>
                <c:pt idx="1119">
                  <c:v>1119</c:v>
                </c:pt>
                <c:pt idx="1120">
                  <c:v>1120</c:v>
                </c:pt>
                <c:pt idx="1121">
                  <c:v>1121</c:v>
                </c:pt>
                <c:pt idx="1122">
                  <c:v>1122</c:v>
                </c:pt>
                <c:pt idx="1123">
                  <c:v>1123</c:v>
                </c:pt>
                <c:pt idx="1124">
                  <c:v>1124</c:v>
                </c:pt>
                <c:pt idx="1125">
                  <c:v>1125</c:v>
                </c:pt>
                <c:pt idx="1126">
                  <c:v>1126</c:v>
                </c:pt>
                <c:pt idx="1127">
                  <c:v>1127</c:v>
                </c:pt>
                <c:pt idx="1128">
                  <c:v>1128</c:v>
                </c:pt>
                <c:pt idx="1129">
                  <c:v>1129</c:v>
                </c:pt>
                <c:pt idx="1130">
                  <c:v>1130</c:v>
                </c:pt>
                <c:pt idx="1131">
                  <c:v>1131</c:v>
                </c:pt>
                <c:pt idx="1132">
                  <c:v>1132</c:v>
                </c:pt>
                <c:pt idx="1133">
                  <c:v>1133</c:v>
                </c:pt>
                <c:pt idx="1134">
                  <c:v>1134</c:v>
                </c:pt>
                <c:pt idx="1135">
                  <c:v>1135</c:v>
                </c:pt>
                <c:pt idx="1136">
                  <c:v>1136</c:v>
                </c:pt>
                <c:pt idx="1137">
                  <c:v>1137</c:v>
                </c:pt>
                <c:pt idx="1138">
                  <c:v>1138</c:v>
                </c:pt>
                <c:pt idx="1139">
                  <c:v>1139</c:v>
                </c:pt>
                <c:pt idx="1140">
                  <c:v>1140</c:v>
                </c:pt>
                <c:pt idx="1141">
                  <c:v>1141</c:v>
                </c:pt>
                <c:pt idx="1142">
                  <c:v>1142</c:v>
                </c:pt>
                <c:pt idx="1143">
                  <c:v>1143</c:v>
                </c:pt>
                <c:pt idx="1144">
                  <c:v>1144</c:v>
                </c:pt>
                <c:pt idx="1145">
                  <c:v>1145</c:v>
                </c:pt>
                <c:pt idx="1146">
                  <c:v>1146</c:v>
                </c:pt>
                <c:pt idx="1147">
                  <c:v>1147</c:v>
                </c:pt>
                <c:pt idx="1148">
                  <c:v>1148</c:v>
                </c:pt>
                <c:pt idx="1149">
                  <c:v>1149</c:v>
                </c:pt>
                <c:pt idx="1150">
                  <c:v>1150</c:v>
                </c:pt>
                <c:pt idx="1151">
                  <c:v>1151</c:v>
                </c:pt>
                <c:pt idx="1152">
                  <c:v>1152</c:v>
                </c:pt>
                <c:pt idx="1153">
                  <c:v>1153</c:v>
                </c:pt>
                <c:pt idx="1154">
                  <c:v>1154</c:v>
                </c:pt>
                <c:pt idx="1155">
                  <c:v>1155</c:v>
                </c:pt>
                <c:pt idx="1156">
                  <c:v>1156</c:v>
                </c:pt>
                <c:pt idx="1157">
                  <c:v>1157</c:v>
                </c:pt>
                <c:pt idx="1158">
                  <c:v>1158</c:v>
                </c:pt>
                <c:pt idx="1159">
                  <c:v>1159</c:v>
                </c:pt>
                <c:pt idx="1160">
                  <c:v>1160</c:v>
                </c:pt>
                <c:pt idx="1161">
                  <c:v>1161</c:v>
                </c:pt>
                <c:pt idx="1162">
                  <c:v>1162</c:v>
                </c:pt>
                <c:pt idx="1163">
                  <c:v>1163</c:v>
                </c:pt>
                <c:pt idx="1164">
                  <c:v>1164</c:v>
                </c:pt>
                <c:pt idx="1165">
                  <c:v>1165</c:v>
                </c:pt>
                <c:pt idx="1166">
                  <c:v>1166</c:v>
                </c:pt>
                <c:pt idx="1167">
                  <c:v>1167</c:v>
                </c:pt>
                <c:pt idx="1168">
                  <c:v>1168</c:v>
                </c:pt>
                <c:pt idx="1169">
                  <c:v>1169</c:v>
                </c:pt>
                <c:pt idx="1170">
                  <c:v>1170</c:v>
                </c:pt>
                <c:pt idx="1171">
                  <c:v>1171</c:v>
                </c:pt>
                <c:pt idx="1172">
                  <c:v>1172</c:v>
                </c:pt>
                <c:pt idx="1173">
                  <c:v>1173</c:v>
                </c:pt>
                <c:pt idx="1174">
                  <c:v>1174</c:v>
                </c:pt>
                <c:pt idx="1175">
                  <c:v>1175</c:v>
                </c:pt>
                <c:pt idx="1176">
                  <c:v>1176</c:v>
                </c:pt>
                <c:pt idx="1177">
                  <c:v>1177</c:v>
                </c:pt>
                <c:pt idx="1178">
                  <c:v>1178</c:v>
                </c:pt>
                <c:pt idx="1179">
                  <c:v>1179</c:v>
                </c:pt>
                <c:pt idx="1180">
                  <c:v>1180</c:v>
                </c:pt>
                <c:pt idx="1181">
                  <c:v>1181</c:v>
                </c:pt>
                <c:pt idx="1182">
                  <c:v>1182</c:v>
                </c:pt>
                <c:pt idx="1183">
                  <c:v>1183</c:v>
                </c:pt>
                <c:pt idx="1184">
                  <c:v>1184</c:v>
                </c:pt>
                <c:pt idx="1185">
                  <c:v>1185</c:v>
                </c:pt>
                <c:pt idx="1186">
                  <c:v>1186</c:v>
                </c:pt>
                <c:pt idx="1187">
                  <c:v>1187</c:v>
                </c:pt>
                <c:pt idx="1188">
                  <c:v>1188</c:v>
                </c:pt>
                <c:pt idx="1189">
                  <c:v>1189</c:v>
                </c:pt>
                <c:pt idx="1190">
                  <c:v>1190</c:v>
                </c:pt>
                <c:pt idx="1191">
                  <c:v>1191</c:v>
                </c:pt>
                <c:pt idx="1192">
                  <c:v>1192</c:v>
                </c:pt>
                <c:pt idx="1193">
                  <c:v>1193</c:v>
                </c:pt>
                <c:pt idx="1194">
                  <c:v>1194</c:v>
                </c:pt>
                <c:pt idx="1195">
                  <c:v>1195</c:v>
                </c:pt>
                <c:pt idx="1196">
                  <c:v>1196</c:v>
                </c:pt>
                <c:pt idx="1197">
                  <c:v>1197</c:v>
                </c:pt>
                <c:pt idx="1198">
                  <c:v>1198</c:v>
                </c:pt>
                <c:pt idx="1199">
                  <c:v>1199</c:v>
                </c:pt>
                <c:pt idx="1200">
                  <c:v>1200</c:v>
                </c:pt>
                <c:pt idx="1201">
                  <c:v>1201</c:v>
                </c:pt>
                <c:pt idx="1202">
                  <c:v>1202</c:v>
                </c:pt>
                <c:pt idx="1203">
                  <c:v>1203</c:v>
                </c:pt>
                <c:pt idx="1204">
                  <c:v>1204</c:v>
                </c:pt>
                <c:pt idx="1205">
                  <c:v>1205</c:v>
                </c:pt>
                <c:pt idx="1206">
                  <c:v>1206</c:v>
                </c:pt>
                <c:pt idx="1207">
                  <c:v>1207</c:v>
                </c:pt>
                <c:pt idx="1208">
                  <c:v>1208</c:v>
                </c:pt>
                <c:pt idx="1209">
                  <c:v>1209</c:v>
                </c:pt>
                <c:pt idx="1210">
                  <c:v>1210</c:v>
                </c:pt>
                <c:pt idx="1211">
                  <c:v>1211</c:v>
                </c:pt>
                <c:pt idx="1212">
                  <c:v>1212</c:v>
                </c:pt>
                <c:pt idx="1213">
                  <c:v>1213</c:v>
                </c:pt>
                <c:pt idx="1214">
                  <c:v>1214</c:v>
                </c:pt>
                <c:pt idx="1215">
                  <c:v>1215</c:v>
                </c:pt>
                <c:pt idx="1216">
                  <c:v>1216</c:v>
                </c:pt>
                <c:pt idx="1217">
                  <c:v>1217</c:v>
                </c:pt>
                <c:pt idx="1218">
                  <c:v>1218</c:v>
                </c:pt>
                <c:pt idx="1219">
                  <c:v>1219</c:v>
                </c:pt>
                <c:pt idx="1220">
                  <c:v>1220</c:v>
                </c:pt>
                <c:pt idx="1221">
                  <c:v>1221</c:v>
                </c:pt>
                <c:pt idx="1222">
                  <c:v>1222</c:v>
                </c:pt>
                <c:pt idx="1223">
                  <c:v>1223</c:v>
                </c:pt>
                <c:pt idx="1224">
                  <c:v>1224</c:v>
                </c:pt>
                <c:pt idx="1225">
                  <c:v>1225</c:v>
                </c:pt>
                <c:pt idx="1226">
                  <c:v>1226</c:v>
                </c:pt>
                <c:pt idx="1227">
                  <c:v>1227</c:v>
                </c:pt>
                <c:pt idx="1228">
                  <c:v>1228</c:v>
                </c:pt>
                <c:pt idx="1229">
                  <c:v>1229</c:v>
                </c:pt>
                <c:pt idx="1230">
                  <c:v>1230</c:v>
                </c:pt>
                <c:pt idx="1231">
                  <c:v>1231</c:v>
                </c:pt>
                <c:pt idx="1232">
                  <c:v>1232</c:v>
                </c:pt>
                <c:pt idx="1233">
                  <c:v>1233</c:v>
                </c:pt>
                <c:pt idx="1234">
                  <c:v>1234</c:v>
                </c:pt>
                <c:pt idx="1235">
                  <c:v>1235</c:v>
                </c:pt>
                <c:pt idx="1236">
                  <c:v>1236</c:v>
                </c:pt>
                <c:pt idx="1237">
                  <c:v>1237</c:v>
                </c:pt>
                <c:pt idx="1238">
                  <c:v>1238</c:v>
                </c:pt>
                <c:pt idx="1239">
                  <c:v>1239</c:v>
                </c:pt>
                <c:pt idx="1240">
                  <c:v>1240</c:v>
                </c:pt>
                <c:pt idx="1241">
                  <c:v>1241</c:v>
                </c:pt>
                <c:pt idx="1242">
                  <c:v>1242</c:v>
                </c:pt>
                <c:pt idx="1243">
                  <c:v>1243</c:v>
                </c:pt>
                <c:pt idx="1244">
                  <c:v>1244</c:v>
                </c:pt>
                <c:pt idx="1245">
                  <c:v>1245</c:v>
                </c:pt>
                <c:pt idx="1246">
                  <c:v>1246</c:v>
                </c:pt>
                <c:pt idx="1247">
                  <c:v>1247</c:v>
                </c:pt>
                <c:pt idx="1248">
                  <c:v>1248</c:v>
                </c:pt>
                <c:pt idx="1249">
                  <c:v>1249</c:v>
                </c:pt>
                <c:pt idx="1250">
                  <c:v>1250</c:v>
                </c:pt>
                <c:pt idx="1251">
                  <c:v>1251</c:v>
                </c:pt>
                <c:pt idx="1252">
                  <c:v>1252</c:v>
                </c:pt>
                <c:pt idx="1253">
                  <c:v>1253</c:v>
                </c:pt>
                <c:pt idx="1254">
                  <c:v>1254</c:v>
                </c:pt>
                <c:pt idx="1255">
                  <c:v>1255</c:v>
                </c:pt>
                <c:pt idx="1256">
                  <c:v>1256</c:v>
                </c:pt>
                <c:pt idx="1257">
                  <c:v>1257</c:v>
                </c:pt>
                <c:pt idx="1258">
                  <c:v>1258</c:v>
                </c:pt>
                <c:pt idx="1259">
                  <c:v>1259</c:v>
                </c:pt>
                <c:pt idx="1260">
                  <c:v>1260</c:v>
                </c:pt>
                <c:pt idx="1261">
                  <c:v>1261</c:v>
                </c:pt>
                <c:pt idx="1262">
                  <c:v>1262</c:v>
                </c:pt>
                <c:pt idx="1263">
                  <c:v>1263</c:v>
                </c:pt>
                <c:pt idx="1264">
                  <c:v>1264</c:v>
                </c:pt>
                <c:pt idx="1265">
                  <c:v>1265</c:v>
                </c:pt>
                <c:pt idx="1266">
                  <c:v>1266</c:v>
                </c:pt>
                <c:pt idx="1267">
                  <c:v>1267</c:v>
                </c:pt>
                <c:pt idx="1268">
                  <c:v>1268</c:v>
                </c:pt>
                <c:pt idx="1269">
                  <c:v>1269</c:v>
                </c:pt>
                <c:pt idx="1270">
                  <c:v>1270</c:v>
                </c:pt>
                <c:pt idx="1271">
                  <c:v>1271</c:v>
                </c:pt>
                <c:pt idx="1272">
                  <c:v>1272</c:v>
                </c:pt>
                <c:pt idx="1273">
                  <c:v>1273</c:v>
                </c:pt>
                <c:pt idx="1274">
                  <c:v>1274</c:v>
                </c:pt>
                <c:pt idx="1275">
                  <c:v>1275</c:v>
                </c:pt>
                <c:pt idx="1276">
                  <c:v>1276</c:v>
                </c:pt>
                <c:pt idx="1277">
                  <c:v>1277</c:v>
                </c:pt>
                <c:pt idx="1278">
                  <c:v>1278</c:v>
                </c:pt>
                <c:pt idx="1279">
                  <c:v>1279</c:v>
                </c:pt>
                <c:pt idx="1280">
                  <c:v>1280</c:v>
                </c:pt>
                <c:pt idx="1281">
                  <c:v>1281</c:v>
                </c:pt>
                <c:pt idx="1282">
                  <c:v>1282</c:v>
                </c:pt>
                <c:pt idx="1283">
                  <c:v>1283</c:v>
                </c:pt>
                <c:pt idx="1284">
                  <c:v>1284</c:v>
                </c:pt>
                <c:pt idx="1285">
                  <c:v>1285</c:v>
                </c:pt>
                <c:pt idx="1286">
                  <c:v>1286</c:v>
                </c:pt>
                <c:pt idx="1287">
                  <c:v>1287</c:v>
                </c:pt>
                <c:pt idx="1288">
                  <c:v>1288</c:v>
                </c:pt>
                <c:pt idx="1289">
                  <c:v>1289</c:v>
                </c:pt>
                <c:pt idx="1290">
                  <c:v>1290</c:v>
                </c:pt>
                <c:pt idx="1291">
                  <c:v>1291</c:v>
                </c:pt>
                <c:pt idx="1292">
                  <c:v>1292</c:v>
                </c:pt>
                <c:pt idx="1293">
                  <c:v>1293</c:v>
                </c:pt>
                <c:pt idx="1294">
                  <c:v>1294</c:v>
                </c:pt>
                <c:pt idx="1295">
                  <c:v>1295</c:v>
                </c:pt>
                <c:pt idx="1296">
                  <c:v>1296</c:v>
                </c:pt>
                <c:pt idx="1297">
                  <c:v>1297</c:v>
                </c:pt>
                <c:pt idx="1298">
                  <c:v>1298</c:v>
                </c:pt>
                <c:pt idx="1299">
                  <c:v>1299</c:v>
                </c:pt>
                <c:pt idx="1300">
                  <c:v>1300</c:v>
                </c:pt>
                <c:pt idx="1301">
                  <c:v>1301</c:v>
                </c:pt>
                <c:pt idx="1302">
                  <c:v>1302</c:v>
                </c:pt>
                <c:pt idx="1303">
                  <c:v>1303</c:v>
                </c:pt>
                <c:pt idx="1304">
                  <c:v>1304</c:v>
                </c:pt>
                <c:pt idx="1305">
                  <c:v>1305</c:v>
                </c:pt>
                <c:pt idx="1306">
                  <c:v>1306</c:v>
                </c:pt>
                <c:pt idx="1307">
                  <c:v>1307</c:v>
                </c:pt>
                <c:pt idx="1308">
                  <c:v>1308</c:v>
                </c:pt>
                <c:pt idx="1309">
                  <c:v>1309</c:v>
                </c:pt>
                <c:pt idx="1310">
                  <c:v>1310</c:v>
                </c:pt>
                <c:pt idx="1311">
                  <c:v>1311</c:v>
                </c:pt>
                <c:pt idx="1312">
                  <c:v>1312</c:v>
                </c:pt>
                <c:pt idx="1313">
                  <c:v>1313</c:v>
                </c:pt>
                <c:pt idx="1314">
                  <c:v>1314</c:v>
                </c:pt>
                <c:pt idx="1315">
                  <c:v>1315</c:v>
                </c:pt>
                <c:pt idx="1316">
                  <c:v>1316</c:v>
                </c:pt>
                <c:pt idx="1317">
                  <c:v>1317</c:v>
                </c:pt>
                <c:pt idx="1318">
                  <c:v>1318</c:v>
                </c:pt>
                <c:pt idx="1319">
                  <c:v>1319</c:v>
                </c:pt>
                <c:pt idx="1320">
                  <c:v>1320</c:v>
                </c:pt>
                <c:pt idx="1321">
                  <c:v>1321</c:v>
                </c:pt>
                <c:pt idx="1322">
                  <c:v>1322</c:v>
                </c:pt>
                <c:pt idx="1323">
                  <c:v>1323</c:v>
                </c:pt>
                <c:pt idx="1324">
                  <c:v>1324</c:v>
                </c:pt>
                <c:pt idx="1325">
                  <c:v>1325</c:v>
                </c:pt>
                <c:pt idx="1326">
                  <c:v>1326</c:v>
                </c:pt>
                <c:pt idx="1327">
                  <c:v>1327</c:v>
                </c:pt>
                <c:pt idx="1328">
                  <c:v>1328</c:v>
                </c:pt>
                <c:pt idx="1329">
                  <c:v>1329</c:v>
                </c:pt>
                <c:pt idx="1330">
                  <c:v>1330</c:v>
                </c:pt>
                <c:pt idx="1331">
                  <c:v>1331</c:v>
                </c:pt>
                <c:pt idx="1332">
                  <c:v>1332</c:v>
                </c:pt>
                <c:pt idx="1333">
                  <c:v>1333</c:v>
                </c:pt>
                <c:pt idx="1334">
                  <c:v>1334</c:v>
                </c:pt>
                <c:pt idx="1335">
                  <c:v>1335</c:v>
                </c:pt>
                <c:pt idx="1336">
                  <c:v>1336</c:v>
                </c:pt>
                <c:pt idx="1337">
                  <c:v>1337</c:v>
                </c:pt>
                <c:pt idx="1338">
                  <c:v>1338</c:v>
                </c:pt>
                <c:pt idx="1339">
                  <c:v>1339</c:v>
                </c:pt>
                <c:pt idx="1340">
                  <c:v>1340</c:v>
                </c:pt>
                <c:pt idx="1341">
                  <c:v>1341</c:v>
                </c:pt>
                <c:pt idx="1342">
                  <c:v>1342</c:v>
                </c:pt>
                <c:pt idx="1343">
                  <c:v>1343</c:v>
                </c:pt>
                <c:pt idx="1344">
                  <c:v>1344</c:v>
                </c:pt>
                <c:pt idx="1345">
                  <c:v>1345</c:v>
                </c:pt>
                <c:pt idx="1346">
                  <c:v>1346</c:v>
                </c:pt>
                <c:pt idx="1347">
                  <c:v>1347</c:v>
                </c:pt>
                <c:pt idx="1348">
                  <c:v>1348</c:v>
                </c:pt>
                <c:pt idx="1349">
                  <c:v>1349</c:v>
                </c:pt>
                <c:pt idx="1350">
                  <c:v>1350</c:v>
                </c:pt>
                <c:pt idx="1351">
                  <c:v>1351</c:v>
                </c:pt>
                <c:pt idx="1352">
                  <c:v>1352</c:v>
                </c:pt>
                <c:pt idx="1353">
                  <c:v>1353</c:v>
                </c:pt>
                <c:pt idx="1354">
                  <c:v>1354</c:v>
                </c:pt>
                <c:pt idx="1355">
                  <c:v>1355</c:v>
                </c:pt>
                <c:pt idx="1356">
                  <c:v>1356</c:v>
                </c:pt>
                <c:pt idx="1357">
                  <c:v>1357</c:v>
                </c:pt>
                <c:pt idx="1358">
                  <c:v>1358</c:v>
                </c:pt>
                <c:pt idx="1359">
                  <c:v>1359</c:v>
                </c:pt>
                <c:pt idx="1360">
                  <c:v>1360</c:v>
                </c:pt>
                <c:pt idx="1361">
                  <c:v>1361</c:v>
                </c:pt>
                <c:pt idx="1362">
                  <c:v>1362</c:v>
                </c:pt>
                <c:pt idx="1363">
                  <c:v>1363</c:v>
                </c:pt>
                <c:pt idx="1364">
                  <c:v>1364</c:v>
                </c:pt>
                <c:pt idx="1365">
                  <c:v>1365</c:v>
                </c:pt>
                <c:pt idx="1366">
                  <c:v>1366</c:v>
                </c:pt>
                <c:pt idx="1367">
                  <c:v>1367</c:v>
                </c:pt>
                <c:pt idx="1368">
                  <c:v>1368</c:v>
                </c:pt>
                <c:pt idx="1369">
                  <c:v>1369</c:v>
                </c:pt>
                <c:pt idx="1370">
                  <c:v>1370</c:v>
                </c:pt>
                <c:pt idx="1371">
                  <c:v>1371</c:v>
                </c:pt>
                <c:pt idx="1372">
                  <c:v>1372</c:v>
                </c:pt>
                <c:pt idx="1373">
                  <c:v>1373</c:v>
                </c:pt>
                <c:pt idx="1374">
                  <c:v>1374</c:v>
                </c:pt>
                <c:pt idx="1375">
                  <c:v>1375</c:v>
                </c:pt>
                <c:pt idx="1376">
                  <c:v>1376</c:v>
                </c:pt>
                <c:pt idx="1377">
                  <c:v>1377</c:v>
                </c:pt>
                <c:pt idx="1378">
                  <c:v>1378</c:v>
                </c:pt>
                <c:pt idx="1379">
                  <c:v>1379</c:v>
                </c:pt>
                <c:pt idx="1380">
                  <c:v>1380</c:v>
                </c:pt>
                <c:pt idx="1381">
                  <c:v>1381</c:v>
                </c:pt>
                <c:pt idx="1382">
                  <c:v>1382</c:v>
                </c:pt>
                <c:pt idx="1383">
                  <c:v>1383</c:v>
                </c:pt>
                <c:pt idx="1384">
                  <c:v>1384</c:v>
                </c:pt>
                <c:pt idx="1385">
                  <c:v>1385</c:v>
                </c:pt>
                <c:pt idx="1386">
                  <c:v>1386</c:v>
                </c:pt>
                <c:pt idx="1387">
                  <c:v>1387</c:v>
                </c:pt>
                <c:pt idx="1388">
                  <c:v>1388</c:v>
                </c:pt>
                <c:pt idx="1389">
                  <c:v>1389</c:v>
                </c:pt>
                <c:pt idx="1390">
                  <c:v>1390</c:v>
                </c:pt>
                <c:pt idx="1391">
                  <c:v>1391</c:v>
                </c:pt>
                <c:pt idx="1392">
                  <c:v>1392</c:v>
                </c:pt>
                <c:pt idx="1393">
                  <c:v>1393</c:v>
                </c:pt>
                <c:pt idx="1394">
                  <c:v>1394</c:v>
                </c:pt>
                <c:pt idx="1395">
                  <c:v>1395</c:v>
                </c:pt>
                <c:pt idx="1396">
                  <c:v>1396</c:v>
                </c:pt>
                <c:pt idx="1397">
                  <c:v>1397</c:v>
                </c:pt>
                <c:pt idx="1398">
                  <c:v>1398</c:v>
                </c:pt>
                <c:pt idx="1399">
                  <c:v>1399</c:v>
                </c:pt>
                <c:pt idx="1400">
                  <c:v>1400</c:v>
                </c:pt>
                <c:pt idx="1401">
                  <c:v>1401</c:v>
                </c:pt>
                <c:pt idx="1402">
                  <c:v>1402</c:v>
                </c:pt>
                <c:pt idx="1403">
                  <c:v>1403</c:v>
                </c:pt>
                <c:pt idx="1404">
                  <c:v>1404</c:v>
                </c:pt>
                <c:pt idx="1405">
                  <c:v>1405</c:v>
                </c:pt>
                <c:pt idx="1406">
                  <c:v>1406</c:v>
                </c:pt>
                <c:pt idx="1407">
                  <c:v>1407</c:v>
                </c:pt>
                <c:pt idx="1408">
                  <c:v>1408</c:v>
                </c:pt>
                <c:pt idx="1409">
                  <c:v>1409</c:v>
                </c:pt>
                <c:pt idx="1410">
                  <c:v>1410</c:v>
                </c:pt>
                <c:pt idx="1411">
                  <c:v>1411</c:v>
                </c:pt>
                <c:pt idx="1412">
                  <c:v>1412</c:v>
                </c:pt>
                <c:pt idx="1413">
                  <c:v>1413</c:v>
                </c:pt>
                <c:pt idx="1414">
                  <c:v>1414</c:v>
                </c:pt>
                <c:pt idx="1415">
                  <c:v>1415</c:v>
                </c:pt>
                <c:pt idx="1416">
                  <c:v>1416</c:v>
                </c:pt>
                <c:pt idx="1417">
                  <c:v>1417</c:v>
                </c:pt>
                <c:pt idx="1418">
                  <c:v>1418</c:v>
                </c:pt>
                <c:pt idx="1419">
                  <c:v>1419</c:v>
                </c:pt>
                <c:pt idx="1420">
                  <c:v>1420</c:v>
                </c:pt>
                <c:pt idx="1421">
                  <c:v>1421</c:v>
                </c:pt>
                <c:pt idx="1422">
                  <c:v>1422</c:v>
                </c:pt>
                <c:pt idx="1423">
                  <c:v>1423</c:v>
                </c:pt>
                <c:pt idx="1424">
                  <c:v>1424</c:v>
                </c:pt>
                <c:pt idx="1425">
                  <c:v>1425</c:v>
                </c:pt>
                <c:pt idx="1426">
                  <c:v>1426</c:v>
                </c:pt>
                <c:pt idx="1427">
                  <c:v>1427</c:v>
                </c:pt>
                <c:pt idx="1428">
                  <c:v>1428</c:v>
                </c:pt>
                <c:pt idx="1429">
                  <c:v>1429</c:v>
                </c:pt>
                <c:pt idx="1430">
                  <c:v>1430</c:v>
                </c:pt>
                <c:pt idx="1431">
                  <c:v>1431</c:v>
                </c:pt>
                <c:pt idx="1432">
                  <c:v>1432</c:v>
                </c:pt>
                <c:pt idx="1433">
                  <c:v>1433</c:v>
                </c:pt>
                <c:pt idx="1434">
                  <c:v>1434</c:v>
                </c:pt>
                <c:pt idx="1435">
                  <c:v>1435</c:v>
                </c:pt>
                <c:pt idx="1436">
                  <c:v>1436</c:v>
                </c:pt>
                <c:pt idx="1437">
                  <c:v>1437</c:v>
                </c:pt>
                <c:pt idx="1438">
                  <c:v>1438</c:v>
                </c:pt>
                <c:pt idx="1439">
                  <c:v>1439</c:v>
                </c:pt>
                <c:pt idx="1440">
                  <c:v>1440</c:v>
                </c:pt>
                <c:pt idx="1441">
                  <c:v>1441</c:v>
                </c:pt>
                <c:pt idx="1442">
                  <c:v>1442</c:v>
                </c:pt>
                <c:pt idx="1443">
                  <c:v>1443</c:v>
                </c:pt>
                <c:pt idx="1444">
                  <c:v>1444</c:v>
                </c:pt>
                <c:pt idx="1445">
                  <c:v>1445</c:v>
                </c:pt>
                <c:pt idx="1446">
                  <c:v>1446</c:v>
                </c:pt>
                <c:pt idx="1447">
                  <c:v>1447</c:v>
                </c:pt>
                <c:pt idx="1448">
                  <c:v>1448</c:v>
                </c:pt>
                <c:pt idx="1449">
                  <c:v>1449</c:v>
                </c:pt>
                <c:pt idx="1450">
                  <c:v>1450</c:v>
                </c:pt>
                <c:pt idx="1451">
                  <c:v>1451</c:v>
                </c:pt>
                <c:pt idx="1452">
                  <c:v>1452</c:v>
                </c:pt>
                <c:pt idx="1453">
                  <c:v>1453</c:v>
                </c:pt>
                <c:pt idx="1454">
                  <c:v>1454</c:v>
                </c:pt>
                <c:pt idx="1455">
                  <c:v>1455</c:v>
                </c:pt>
                <c:pt idx="1456">
                  <c:v>1456</c:v>
                </c:pt>
                <c:pt idx="1457">
                  <c:v>1457</c:v>
                </c:pt>
                <c:pt idx="1458">
                  <c:v>1458</c:v>
                </c:pt>
                <c:pt idx="1459">
                  <c:v>1459</c:v>
                </c:pt>
                <c:pt idx="1460">
                  <c:v>1460</c:v>
                </c:pt>
                <c:pt idx="1461">
                  <c:v>1461</c:v>
                </c:pt>
                <c:pt idx="1462">
                  <c:v>1462</c:v>
                </c:pt>
                <c:pt idx="1463">
                  <c:v>1463</c:v>
                </c:pt>
                <c:pt idx="1464">
                  <c:v>1464</c:v>
                </c:pt>
                <c:pt idx="1465">
                  <c:v>1465</c:v>
                </c:pt>
                <c:pt idx="1466">
                  <c:v>1466</c:v>
                </c:pt>
                <c:pt idx="1467">
                  <c:v>1467</c:v>
                </c:pt>
                <c:pt idx="1468">
                  <c:v>1468</c:v>
                </c:pt>
                <c:pt idx="1469">
                  <c:v>1469</c:v>
                </c:pt>
                <c:pt idx="1470">
                  <c:v>1470</c:v>
                </c:pt>
                <c:pt idx="1471">
                  <c:v>1471</c:v>
                </c:pt>
                <c:pt idx="1472">
                  <c:v>1472</c:v>
                </c:pt>
                <c:pt idx="1473">
                  <c:v>1473</c:v>
                </c:pt>
                <c:pt idx="1474">
                  <c:v>1474</c:v>
                </c:pt>
                <c:pt idx="1475">
                  <c:v>1475</c:v>
                </c:pt>
                <c:pt idx="1476">
                  <c:v>1476</c:v>
                </c:pt>
                <c:pt idx="1477">
                  <c:v>1477</c:v>
                </c:pt>
                <c:pt idx="1478">
                  <c:v>1478</c:v>
                </c:pt>
                <c:pt idx="1479">
                  <c:v>1479</c:v>
                </c:pt>
                <c:pt idx="1480">
                  <c:v>1480</c:v>
                </c:pt>
                <c:pt idx="1481">
                  <c:v>1481</c:v>
                </c:pt>
                <c:pt idx="1482">
                  <c:v>1482</c:v>
                </c:pt>
                <c:pt idx="1483">
                  <c:v>1483</c:v>
                </c:pt>
                <c:pt idx="1484">
                  <c:v>1484</c:v>
                </c:pt>
                <c:pt idx="1485">
                  <c:v>1485</c:v>
                </c:pt>
                <c:pt idx="1486">
                  <c:v>1486</c:v>
                </c:pt>
                <c:pt idx="1487">
                  <c:v>1487</c:v>
                </c:pt>
                <c:pt idx="1488">
                  <c:v>1488</c:v>
                </c:pt>
                <c:pt idx="1489">
                  <c:v>1489</c:v>
                </c:pt>
                <c:pt idx="1490">
                  <c:v>1490</c:v>
                </c:pt>
                <c:pt idx="1491">
                  <c:v>1491</c:v>
                </c:pt>
                <c:pt idx="1492">
                  <c:v>1492</c:v>
                </c:pt>
                <c:pt idx="1493">
                  <c:v>1493</c:v>
                </c:pt>
                <c:pt idx="1494">
                  <c:v>1494</c:v>
                </c:pt>
                <c:pt idx="1495">
                  <c:v>1495</c:v>
                </c:pt>
                <c:pt idx="1496">
                  <c:v>1496</c:v>
                </c:pt>
                <c:pt idx="1497">
                  <c:v>1497</c:v>
                </c:pt>
                <c:pt idx="1498">
                  <c:v>1498</c:v>
                </c:pt>
                <c:pt idx="1499">
                  <c:v>1499</c:v>
                </c:pt>
                <c:pt idx="1500">
                  <c:v>1500</c:v>
                </c:pt>
                <c:pt idx="1501">
                  <c:v>1501</c:v>
                </c:pt>
                <c:pt idx="1502">
                  <c:v>1502</c:v>
                </c:pt>
                <c:pt idx="1503">
                  <c:v>1503</c:v>
                </c:pt>
                <c:pt idx="1504">
                  <c:v>1504</c:v>
                </c:pt>
                <c:pt idx="1505">
                  <c:v>1505</c:v>
                </c:pt>
                <c:pt idx="1506">
                  <c:v>1506</c:v>
                </c:pt>
                <c:pt idx="1507">
                  <c:v>1507</c:v>
                </c:pt>
                <c:pt idx="1508">
                  <c:v>1508</c:v>
                </c:pt>
                <c:pt idx="1509">
                  <c:v>1509</c:v>
                </c:pt>
                <c:pt idx="1510">
                  <c:v>1510</c:v>
                </c:pt>
                <c:pt idx="1511">
                  <c:v>1511</c:v>
                </c:pt>
                <c:pt idx="1512">
                  <c:v>1512</c:v>
                </c:pt>
                <c:pt idx="1513">
                  <c:v>1513</c:v>
                </c:pt>
                <c:pt idx="1514">
                  <c:v>1514</c:v>
                </c:pt>
                <c:pt idx="1515">
                  <c:v>1515</c:v>
                </c:pt>
                <c:pt idx="1516">
                  <c:v>1516</c:v>
                </c:pt>
                <c:pt idx="1517">
                  <c:v>1517</c:v>
                </c:pt>
                <c:pt idx="1518">
                  <c:v>1518</c:v>
                </c:pt>
                <c:pt idx="1519">
                  <c:v>1519</c:v>
                </c:pt>
                <c:pt idx="1520">
                  <c:v>1520</c:v>
                </c:pt>
                <c:pt idx="1521">
                  <c:v>1521</c:v>
                </c:pt>
                <c:pt idx="1522">
                  <c:v>1522</c:v>
                </c:pt>
                <c:pt idx="1523">
                  <c:v>1523</c:v>
                </c:pt>
                <c:pt idx="1524">
                  <c:v>1524</c:v>
                </c:pt>
                <c:pt idx="1525">
                  <c:v>1525</c:v>
                </c:pt>
                <c:pt idx="1526">
                  <c:v>1526</c:v>
                </c:pt>
                <c:pt idx="1527">
                  <c:v>1527</c:v>
                </c:pt>
                <c:pt idx="1528">
                  <c:v>1528</c:v>
                </c:pt>
                <c:pt idx="1529">
                  <c:v>1529</c:v>
                </c:pt>
                <c:pt idx="1530">
                  <c:v>1530</c:v>
                </c:pt>
                <c:pt idx="1531">
                  <c:v>1531</c:v>
                </c:pt>
                <c:pt idx="1532">
                  <c:v>1532</c:v>
                </c:pt>
                <c:pt idx="1533">
                  <c:v>1533</c:v>
                </c:pt>
                <c:pt idx="1534">
                  <c:v>1534</c:v>
                </c:pt>
                <c:pt idx="1535">
                  <c:v>1535</c:v>
                </c:pt>
                <c:pt idx="1536">
                  <c:v>1536</c:v>
                </c:pt>
                <c:pt idx="1537">
                  <c:v>1537</c:v>
                </c:pt>
                <c:pt idx="1538">
                  <c:v>1538</c:v>
                </c:pt>
                <c:pt idx="1539">
                  <c:v>1539</c:v>
                </c:pt>
                <c:pt idx="1540">
                  <c:v>1540</c:v>
                </c:pt>
                <c:pt idx="1541">
                  <c:v>1541</c:v>
                </c:pt>
                <c:pt idx="1542">
                  <c:v>1542</c:v>
                </c:pt>
                <c:pt idx="1543">
                  <c:v>1543</c:v>
                </c:pt>
                <c:pt idx="1544">
                  <c:v>1544</c:v>
                </c:pt>
                <c:pt idx="1545">
                  <c:v>1545</c:v>
                </c:pt>
                <c:pt idx="1546">
                  <c:v>1546</c:v>
                </c:pt>
                <c:pt idx="1547">
                  <c:v>1547</c:v>
                </c:pt>
                <c:pt idx="1548">
                  <c:v>1548</c:v>
                </c:pt>
                <c:pt idx="1549">
                  <c:v>1549</c:v>
                </c:pt>
                <c:pt idx="1550">
                  <c:v>1550</c:v>
                </c:pt>
                <c:pt idx="1551">
                  <c:v>1551</c:v>
                </c:pt>
                <c:pt idx="1552">
                  <c:v>1552</c:v>
                </c:pt>
                <c:pt idx="1553">
                  <c:v>1553</c:v>
                </c:pt>
                <c:pt idx="1554">
                  <c:v>1554</c:v>
                </c:pt>
                <c:pt idx="1555">
                  <c:v>1555</c:v>
                </c:pt>
                <c:pt idx="1556">
                  <c:v>1556</c:v>
                </c:pt>
                <c:pt idx="1557">
                  <c:v>1557</c:v>
                </c:pt>
                <c:pt idx="1558">
                  <c:v>1558</c:v>
                </c:pt>
                <c:pt idx="1559">
                  <c:v>1559</c:v>
                </c:pt>
                <c:pt idx="1560">
                  <c:v>1560</c:v>
                </c:pt>
                <c:pt idx="1561">
                  <c:v>1561</c:v>
                </c:pt>
                <c:pt idx="1562">
                  <c:v>1562</c:v>
                </c:pt>
                <c:pt idx="1563">
                  <c:v>1563</c:v>
                </c:pt>
                <c:pt idx="1564">
                  <c:v>1564</c:v>
                </c:pt>
                <c:pt idx="1565">
                  <c:v>1565</c:v>
                </c:pt>
                <c:pt idx="1566">
                  <c:v>1566</c:v>
                </c:pt>
                <c:pt idx="1567">
                  <c:v>1567</c:v>
                </c:pt>
                <c:pt idx="1568">
                  <c:v>1568</c:v>
                </c:pt>
                <c:pt idx="1569">
                  <c:v>1569</c:v>
                </c:pt>
                <c:pt idx="1570">
                  <c:v>1570</c:v>
                </c:pt>
                <c:pt idx="1571">
                  <c:v>1571</c:v>
                </c:pt>
                <c:pt idx="1572">
                  <c:v>1572</c:v>
                </c:pt>
                <c:pt idx="1573">
                  <c:v>1573</c:v>
                </c:pt>
                <c:pt idx="1574">
                  <c:v>1574</c:v>
                </c:pt>
                <c:pt idx="1575">
                  <c:v>1575</c:v>
                </c:pt>
                <c:pt idx="1576">
                  <c:v>1576</c:v>
                </c:pt>
                <c:pt idx="1577">
                  <c:v>1577</c:v>
                </c:pt>
                <c:pt idx="1578">
                  <c:v>1578</c:v>
                </c:pt>
                <c:pt idx="1579">
                  <c:v>1579</c:v>
                </c:pt>
                <c:pt idx="1580">
                  <c:v>1580</c:v>
                </c:pt>
                <c:pt idx="1581">
                  <c:v>1581</c:v>
                </c:pt>
                <c:pt idx="1582">
                  <c:v>1582</c:v>
                </c:pt>
                <c:pt idx="1583">
                  <c:v>1583</c:v>
                </c:pt>
                <c:pt idx="1584">
                  <c:v>1584</c:v>
                </c:pt>
                <c:pt idx="1585">
                  <c:v>1585</c:v>
                </c:pt>
                <c:pt idx="1586">
                  <c:v>1586</c:v>
                </c:pt>
                <c:pt idx="1587">
                  <c:v>1587</c:v>
                </c:pt>
                <c:pt idx="1588">
                  <c:v>1588</c:v>
                </c:pt>
                <c:pt idx="1589">
                  <c:v>1589</c:v>
                </c:pt>
                <c:pt idx="1590">
                  <c:v>1590</c:v>
                </c:pt>
                <c:pt idx="1591">
                  <c:v>1591</c:v>
                </c:pt>
                <c:pt idx="1592">
                  <c:v>1592</c:v>
                </c:pt>
                <c:pt idx="1593">
                  <c:v>1593</c:v>
                </c:pt>
                <c:pt idx="1594">
                  <c:v>1594</c:v>
                </c:pt>
                <c:pt idx="1595">
                  <c:v>1595</c:v>
                </c:pt>
                <c:pt idx="1596">
                  <c:v>1596</c:v>
                </c:pt>
                <c:pt idx="1597">
                  <c:v>1597</c:v>
                </c:pt>
                <c:pt idx="1598">
                  <c:v>1598</c:v>
                </c:pt>
                <c:pt idx="1599">
                  <c:v>1599</c:v>
                </c:pt>
                <c:pt idx="1600">
                  <c:v>1600</c:v>
                </c:pt>
                <c:pt idx="1601">
                  <c:v>1601</c:v>
                </c:pt>
                <c:pt idx="1602">
                  <c:v>1602</c:v>
                </c:pt>
                <c:pt idx="1603">
                  <c:v>1603</c:v>
                </c:pt>
                <c:pt idx="1604">
                  <c:v>1604</c:v>
                </c:pt>
                <c:pt idx="1605">
                  <c:v>1605</c:v>
                </c:pt>
                <c:pt idx="1606">
                  <c:v>1606</c:v>
                </c:pt>
                <c:pt idx="1607">
                  <c:v>1607</c:v>
                </c:pt>
                <c:pt idx="1608">
                  <c:v>1608</c:v>
                </c:pt>
                <c:pt idx="1609">
                  <c:v>1609</c:v>
                </c:pt>
                <c:pt idx="1610">
                  <c:v>1610</c:v>
                </c:pt>
                <c:pt idx="1611">
                  <c:v>1611</c:v>
                </c:pt>
                <c:pt idx="1612">
                  <c:v>1612</c:v>
                </c:pt>
                <c:pt idx="1613">
                  <c:v>1613</c:v>
                </c:pt>
                <c:pt idx="1614">
                  <c:v>1614</c:v>
                </c:pt>
                <c:pt idx="1615">
                  <c:v>1615</c:v>
                </c:pt>
                <c:pt idx="1616">
                  <c:v>1616</c:v>
                </c:pt>
                <c:pt idx="1617">
                  <c:v>1617</c:v>
                </c:pt>
                <c:pt idx="1618">
                  <c:v>1618</c:v>
                </c:pt>
                <c:pt idx="1619">
                  <c:v>1619</c:v>
                </c:pt>
                <c:pt idx="1620">
                  <c:v>1620</c:v>
                </c:pt>
                <c:pt idx="1621">
                  <c:v>1621</c:v>
                </c:pt>
                <c:pt idx="1622">
                  <c:v>1622</c:v>
                </c:pt>
                <c:pt idx="1623">
                  <c:v>1623</c:v>
                </c:pt>
                <c:pt idx="1624">
                  <c:v>1624</c:v>
                </c:pt>
                <c:pt idx="1625">
                  <c:v>1625</c:v>
                </c:pt>
                <c:pt idx="1626">
                  <c:v>1626</c:v>
                </c:pt>
                <c:pt idx="1627">
                  <c:v>1627</c:v>
                </c:pt>
                <c:pt idx="1628">
                  <c:v>1628</c:v>
                </c:pt>
                <c:pt idx="1629">
                  <c:v>1629</c:v>
                </c:pt>
                <c:pt idx="1630">
                  <c:v>1630</c:v>
                </c:pt>
                <c:pt idx="1631">
                  <c:v>1631</c:v>
                </c:pt>
                <c:pt idx="1632">
                  <c:v>1632</c:v>
                </c:pt>
                <c:pt idx="1633">
                  <c:v>1633</c:v>
                </c:pt>
                <c:pt idx="1634">
                  <c:v>1634</c:v>
                </c:pt>
                <c:pt idx="1635">
                  <c:v>1635</c:v>
                </c:pt>
                <c:pt idx="1636">
                  <c:v>1636</c:v>
                </c:pt>
                <c:pt idx="1637">
                  <c:v>1637</c:v>
                </c:pt>
                <c:pt idx="1638">
                  <c:v>1638</c:v>
                </c:pt>
                <c:pt idx="1639">
                  <c:v>1639</c:v>
                </c:pt>
                <c:pt idx="1640">
                  <c:v>1640</c:v>
                </c:pt>
                <c:pt idx="1641">
                  <c:v>1641</c:v>
                </c:pt>
                <c:pt idx="1642">
                  <c:v>1642</c:v>
                </c:pt>
                <c:pt idx="1643">
                  <c:v>1643</c:v>
                </c:pt>
                <c:pt idx="1644">
                  <c:v>1644</c:v>
                </c:pt>
                <c:pt idx="1645">
                  <c:v>1645</c:v>
                </c:pt>
                <c:pt idx="1646">
                  <c:v>1646</c:v>
                </c:pt>
                <c:pt idx="1647">
                  <c:v>1647</c:v>
                </c:pt>
                <c:pt idx="1648">
                  <c:v>1648</c:v>
                </c:pt>
                <c:pt idx="1649">
                  <c:v>1649</c:v>
                </c:pt>
                <c:pt idx="1650">
                  <c:v>1650</c:v>
                </c:pt>
                <c:pt idx="1651">
                  <c:v>1651</c:v>
                </c:pt>
                <c:pt idx="1652">
                  <c:v>1652</c:v>
                </c:pt>
                <c:pt idx="1653">
                  <c:v>1653</c:v>
                </c:pt>
                <c:pt idx="1654">
                  <c:v>1654</c:v>
                </c:pt>
                <c:pt idx="1655">
                  <c:v>1655</c:v>
                </c:pt>
                <c:pt idx="1656">
                  <c:v>1656</c:v>
                </c:pt>
                <c:pt idx="1657">
                  <c:v>1657</c:v>
                </c:pt>
                <c:pt idx="1658">
                  <c:v>1658</c:v>
                </c:pt>
                <c:pt idx="1659">
                  <c:v>1659</c:v>
                </c:pt>
                <c:pt idx="1660">
                  <c:v>1660</c:v>
                </c:pt>
                <c:pt idx="1661">
                  <c:v>1661</c:v>
                </c:pt>
                <c:pt idx="1662">
                  <c:v>1662</c:v>
                </c:pt>
                <c:pt idx="1663">
                  <c:v>1663</c:v>
                </c:pt>
                <c:pt idx="1664">
                  <c:v>1664</c:v>
                </c:pt>
                <c:pt idx="1665">
                  <c:v>1665</c:v>
                </c:pt>
                <c:pt idx="1666">
                  <c:v>1666</c:v>
                </c:pt>
                <c:pt idx="1667">
                  <c:v>1667</c:v>
                </c:pt>
                <c:pt idx="1668">
                  <c:v>1668</c:v>
                </c:pt>
                <c:pt idx="1669">
                  <c:v>1669</c:v>
                </c:pt>
                <c:pt idx="1670">
                  <c:v>1670</c:v>
                </c:pt>
                <c:pt idx="1671">
                  <c:v>1671</c:v>
                </c:pt>
                <c:pt idx="1672">
                  <c:v>1672</c:v>
                </c:pt>
                <c:pt idx="1673">
                  <c:v>1673</c:v>
                </c:pt>
                <c:pt idx="1674">
                  <c:v>1674</c:v>
                </c:pt>
                <c:pt idx="1675">
                  <c:v>1675</c:v>
                </c:pt>
                <c:pt idx="1676">
                  <c:v>1676</c:v>
                </c:pt>
                <c:pt idx="1677">
                  <c:v>1677</c:v>
                </c:pt>
                <c:pt idx="1678">
                  <c:v>1678</c:v>
                </c:pt>
                <c:pt idx="1679">
                  <c:v>1679</c:v>
                </c:pt>
                <c:pt idx="1680">
                  <c:v>1680</c:v>
                </c:pt>
                <c:pt idx="1681">
                  <c:v>1681</c:v>
                </c:pt>
                <c:pt idx="1682">
                  <c:v>1682</c:v>
                </c:pt>
                <c:pt idx="1683">
                  <c:v>1683</c:v>
                </c:pt>
                <c:pt idx="1684">
                  <c:v>1684</c:v>
                </c:pt>
                <c:pt idx="1685">
                  <c:v>1685</c:v>
                </c:pt>
                <c:pt idx="1686">
                  <c:v>1686</c:v>
                </c:pt>
                <c:pt idx="1687">
                  <c:v>1687</c:v>
                </c:pt>
                <c:pt idx="1688">
                  <c:v>1688</c:v>
                </c:pt>
                <c:pt idx="1689">
                  <c:v>1689</c:v>
                </c:pt>
                <c:pt idx="1690">
                  <c:v>1690</c:v>
                </c:pt>
                <c:pt idx="1691">
                  <c:v>1691</c:v>
                </c:pt>
                <c:pt idx="1692">
                  <c:v>1692</c:v>
                </c:pt>
                <c:pt idx="1693">
                  <c:v>1693</c:v>
                </c:pt>
                <c:pt idx="1694">
                  <c:v>1694</c:v>
                </c:pt>
                <c:pt idx="1695">
                  <c:v>1695</c:v>
                </c:pt>
                <c:pt idx="1696">
                  <c:v>1696</c:v>
                </c:pt>
                <c:pt idx="1697">
                  <c:v>1697</c:v>
                </c:pt>
                <c:pt idx="1698">
                  <c:v>1698</c:v>
                </c:pt>
                <c:pt idx="1699">
                  <c:v>1699</c:v>
                </c:pt>
                <c:pt idx="1700">
                  <c:v>1700</c:v>
                </c:pt>
                <c:pt idx="1701">
                  <c:v>1701</c:v>
                </c:pt>
                <c:pt idx="1702">
                  <c:v>1702</c:v>
                </c:pt>
                <c:pt idx="1703">
                  <c:v>1703</c:v>
                </c:pt>
                <c:pt idx="1704">
                  <c:v>1704</c:v>
                </c:pt>
                <c:pt idx="1705">
                  <c:v>1705</c:v>
                </c:pt>
                <c:pt idx="1706">
                  <c:v>1706</c:v>
                </c:pt>
                <c:pt idx="1707">
                  <c:v>1707</c:v>
                </c:pt>
                <c:pt idx="1708">
                  <c:v>1708</c:v>
                </c:pt>
                <c:pt idx="1709">
                  <c:v>1709</c:v>
                </c:pt>
                <c:pt idx="1710">
                  <c:v>1710</c:v>
                </c:pt>
                <c:pt idx="1711">
                  <c:v>1711</c:v>
                </c:pt>
                <c:pt idx="1712">
                  <c:v>1712</c:v>
                </c:pt>
                <c:pt idx="1713">
                  <c:v>1713</c:v>
                </c:pt>
                <c:pt idx="1714">
                  <c:v>1714</c:v>
                </c:pt>
                <c:pt idx="1715">
                  <c:v>1715</c:v>
                </c:pt>
                <c:pt idx="1716">
                  <c:v>1716</c:v>
                </c:pt>
                <c:pt idx="1717">
                  <c:v>1717</c:v>
                </c:pt>
                <c:pt idx="1718">
                  <c:v>1718</c:v>
                </c:pt>
                <c:pt idx="1719">
                  <c:v>1719</c:v>
                </c:pt>
                <c:pt idx="1720">
                  <c:v>1720</c:v>
                </c:pt>
                <c:pt idx="1721">
                  <c:v>1721</c:v>
                </c:pt>
                <c:pt idx="1722">
                  <c:v>1722</c:v>
                </c:pt>
                <c:pt idx="1723">
                  <c:v>1723</c:v>
                </c:pt>
                <c:pt idx="1724">
                  <c:v>1724</c:v>
                </c:pt>
                <c:pt idx="1725">
                  <c:v>1725</c:v>
                </c:pt>
                <c:pt idx="1726">
                  <c:v>1726</c:v>
                </c:pt>
                <c:pt idx="1727">
                  <c:v>1727</c:v>
                </c:pt>
                <c:pt idx="1728">
                  <c:v>1728</c:v>
                </c:pt>
                <c:pt idx="1729">
                  <c:v>1729</c:v>
                </c:pt>
                <c:pt idx="1730">
                  <c:v>1730</c:v>
                </c:pt>
                <c:pt idx="1731">
                  <c:v>1731</c:v>
                </c:pt>
                <c:pt idx="1732">
                  <c:v>1732</c:v>
                </c:pt>
                <c:pt idx="1733">
                  <c:v>1733</c:v>
                </c:pt>
                <c:pt idx="1734">
                  <c:v>1734</c:v>
                </c:pt>
                <c:pt idx="1735">
                  <c:v>1735</c:v>
                </c:pt>
                <c:pt idx="1736">
                  <c:v>1736</c:v>
                </c:pt>
                <c:pt idx="1737">
                  <c:v>1737</c:v>
                </c:pt>
                <c:pt idx="1738">
                  <c:v>1738</c:v>
                </c:pt>
                <c:pt idx="1739">
                  <c:v>1739</c:v>
                </c:pt>
                <c:pt idx="1740">
                  <c:v>1740</c:v>
                </c:pt>
                <c:pt idx="1741">
                  <c:v>1741</c:v>
                </c:pt>
                <c:pt idx="1742">
                  <c:v>1742</c:v>
                </c:pt>
                <c:pt idx="1743">
                  <c:v>1743</c:v>
                </c:pt>
                <c:pt idx="1744">
                  <c:v>1744</c:v>
                </c:pt>
                <c:pt idx="1745">
                  <c:v>1745</c:v>
                </c:pt>
                <c:pt idx="1746">
                  <c:v>1746</c:v>
                </c:pt>
                <c:pt idx="1747">
                  <c:v>1747</c:v>
                </c:pt>
                <c:pt idx="1748">
                  <c:v>1748</c:v>
                </c:pt>
                <c:pt idx="1749">
                  <c:v>1749</c:v>
                </c:pt>
                <c:pt idx="1750">
                  <c:v>1750</c:v>
                </c:pt>
                <c:pt idx="1751">
                  <c:v>1751</c:v>
                </c:pt>
                <c:pt idx="1752">
                  <c:v>1752</c:v>
                </c:pt>
                <c:pt idx="1753">
                  <c:v>1753</c:v>
                </c:pt>
                <c:pt idx="1754">
                  <c:v>1754</c:v>
                </c:pt>
                <c:pt idx="1755">
                  <c:v>1755</c:v>
                </c:pt>
                <c:pt idx="1756">
                  <c:v>1756</c:v>
                </c:pt>
                <c:pt idx="1757">
                  <c:v>1757</c:v>
                </c:pt>
                <c:pt idx="1758">
                  <c:v>1758</c:v>
                </c:pt>
                <c:pt idx="1759">
                  <c:v>1759</c:v>
                </c:pt>
                <c:pt idx="1760">
                  <c:v>1760</c:v>
                </c:pt>
                <c:pt idx="1761">
                  <c:v>1761</c:v>
                </c:pt>
                <c:pt idx="1762">
                  <c:v>1762</c:v>
                </c:pt>
                <c:pt idx="1763">
                  <c:v>1763</c:v>
                </c:pt>
                <c:pt idx="1764">
                  <c:v>1764</c:v>
                </c:pt>
                <c:pt idx="1765">
                  <c:v>1765</c:v>
                </c:pt>
                <c:pt idx="1766">
                  <c:v>1766</c:v>
                </c:pt>
                <c:pt idx="1767">
                  <c:v>1767</c:v>
                </c:pt>
                <c:pt idx="1768">
                  <c:v>1768</c:v>
                </c:pt>
                <c:pt idx="1769">
                  <c:v>1769</c:v>
                </c:pt>
                <c:pt idx="1770">
                  <c:v>1770</c:v>
                </c:pt>
                <c:pt idx="1771">
                  <c:v>1771</c:v>
                </c:pt>
                <c:pt idx="1772">
                  <c:v>1772</c:v>
                </c:pt>
                <c:pt idx="1773">
                  <c:v>1773</c:v>
                </c:pt>
                <c:pt idx="1774">
                  <c:v>1774</c:v>
                </c:pt>
                <c:pt idx="1775">
                  <c:v>1775</c:v>
                </c:pt>
                <c:pt idx="1776">
                  <c:v>1776</c:v>
                </c:pt>
                <c:pt idx="1777">
                  <c:v>1777</c:v>
                </c:pt>
                <c:pt idx="1778">
                  <c:v>1778</c:v>
                </c:pt>
                <c:pt idx="1779">
                  <c:v>1779</c:v>
                </c:pt>
                <c:pt idx="1780">
                  <c:v>1780</c:v>
                </c:pt>
                <c:pt idx="1781">
                  <c:v>1781</c:v>
                </c:pt>
                <c:pt idx="1782">
                  <c:v>1782</c:v>
                </c:pt>
                <c:pt idx="1783">
                  <c:v>1783</c:v>
                </c:pt>
                <c:pt idx="1784">
                  <c:v>1784</c:v>
                </c:pt>
                <c:pt idx="1785">
                  <c:v>1785</c:v>
                </c:pt>
                <c:pt idx="1786">
                  <c:v>1786</c:v>
                </c:pt>
                <c:pt idx="1787">
                  <c:v>1787</c:v>
                </c:pt>
                <c:pt idx="1788">
                  <c:v>1788</c:v>
                </c:pt>
                <c:pt idx="1789">
                  <c:v>1789</c:v>
                </c:pt>
                <c:pt idx="1790">
                  <c:v>1790</c:v>
                </c:pt>
                <c:pt idx="1791">
                  <c:v>1791</c:v>
                </c:pt>
                <c:pt idx="1792">
                  <c:v>1792</c:v>
                </c:pt>
                <c:pt idx="1793">
                  <c:v>1793</c:v>
                </c:pt>
                <c:pt idx="1794">
                  <c:v>1794</c:v>
                </c:pt>
                <c:pt idx="1795">
                  <c:v>1795</c:v>
                </c:pt>
                <c:pt idx="1796">
                  <c:v>1796</c:v>
                </c:pt>
                <c:pt idx="1797">
                  <c:v>1797</c:v>
                </c:pt>
                <c:pt idx="1798">
                  <c:v>1798</c:v>
                </c:pt>
                <c:pt idx="1799">
                  <c:v>1799</c:v>
                </c:pt>
              </c:numCache>
            </c:numRef>
          </c:xVal>
          <c:yVal>
            <c:numRef>
              <c:f>'30Outside'!$F$2:$F$1801</c:f>
              <c:numCache>
                <c:formatCode>General</c:formatCode>
                <c:ptCount val="1800"/>
                <c:pt idx="0">
                  <c:v>9.5969999999999995</c:v>
                </c:pt>
                <c:pt idx="1">
                  <c:v>11.551</c:v>
                </c:pt>
                <c:pt idx="2">
                  <c:v>13.162000000000001</c:v>
                </c:pt>
                <c:pt idx="3">
                  <c:v>13.089</c:v>
                </c:pt>
                <c:pt idx="4">
                  <c:v>13.186999999999999</c:v>
                </c:pt>
                <c:pt idx="5">
                  <c:v>12.869</c:v>
                </c:pt>
                <c:pt idx="6">
                  <c:v>13.138</c:v>
                </c:pt>
                <c:pt idx="7">
                  <c:v>12.795999999999999</c:v>
                </c:pt>
                <c:pt idx="8">
                  <c:v>13.138</c:v>
                </c:pt>
                <c:pt idx="9">
                  <c:v>12.869</c:v>
                </c:pt>
                <c:pt idx="10">
                  <c:v>13.211</c:v>
                </c:pt>
                <c:pt idx="11">
                  <c:v>12.845000000000001</c:v>
                </c:pt>
                <c:pt idx="12">
                  <c:v>13.162000000000001</c:v>
                </c:pt>
                <c:pt idx="13">
                  <c:v>12.821</c:v>
                </c:pt>
                <c:pt idx="14">
                  <c:v>13.138</c:v>
                </c:pt>
                <c:pt idx="15">
                  <c:v>13.089</c:v>
                </c:pt>
                <c:pt idx="16">
                  <c:v>13.089</c:v>
                </c:pt>
                <c:pt idx="17">
                  <c:v>12.821</c:v>
                </c:pt>
                <c:pt idx="18">
                  <c:v>13.089</c:v>
                </c:pt>
                <c:pt idx="19">
                  <c:v>12.845000000000001</c:v>
                </c:pt>
                <c:pt idx="20">
                  <c:v>13.065</c:v>
                </c:pt>
                <c:pt idx="21">
                  <c:v>12.845000000000001</c:v>
                </c:pt>
                <c:pt idx="22">
                  <c:v>13.114000000000001</c:v>
                </c:pt>
                <c:pt idx="23">
                  <c:v>12.821</c:v>
                </c:pt>
                <c:pt idx="24">
                  <c:v>13.089</c:v>
                </c:pt>
                <c:pt idx="25">
                  <c:v>12.795999999999999</c:v>
                </c:pt>
                <c:pt idx="26">
                  <c:v>13.065</c:v>
                </c:pt>
                <c:pt idx="27">
                  <c:v>12.795999999999999</c:v>
                </c:pt>
                <c:pt idx="28">
                  <c:v>12.869</c:v>
                </c:pt>
                <c:pt idx="29">
                  <c:v>12.772</c:v>
                </c:pt>
                <c:pt idx="30">
                  <c:v>12.894</c:v>
                </c:pt>
                <c:pt idx="31">
                  <c:v>12.821</c:v>
                </c:pt>
                <c:pt idx="32">
                  <c:v>13.065</c:v>
                </c:pt>
                <c:pt idx="33">
                  <c:v>12.503</c:v>
                </c:pt>
                <c:pt idx="34">
                  <c:v>13.04</c:v>
                </c:pt>
                <c:pt idx="35">
                  <c:v>12.772</c:v>
                </c:pt>
                <c:pt idx="36">
                  <c:v>12.795999999999999</c:v>
                </c:pt>
                <c:pt idx="37">
                  <c:v>12.43</c:v>
                </c:pt>
                <c:pt idx="38">
                  <c:v>12.845000000000001</c:v>
                </c:pt>
                <c:pt idx="39">
                  <c:v>12.795999999999999</c:v>
                </c:pt>
                <c:pt idx="40">
                  <c:v>13.089</c:v>
                </c:pt>
                <c:pt idx="41">
                  <c:v>12.747</c:v>
                </c:pt>
                <c:pt idx="42">
                  <c:v>12.869</c:v>
                </c:pt>
                <c:pt idx="43">
                  <c:v>12.503</c:v>
                </c:pt>
                <c:pt idx="44">
                  <c:v>12.772</c:v>
                </c:pt>
                <c:pt idx="45">
                  <c:v>11.696999999999999</c:v>
                </c:pt>
                <c:pt idx="46">
                  <c:v>11.673</c:v>
                </c:pt>
                <c:pt idx="47">
                  <c:v>12.795999999999999</c:v>
                </c:pt>
                <c:pt idx="48">
                  <c:v>13.211</c:v>
                </c:pt>
                <c:pt idx="49">
                  <c:v>13.186999999999999</c:v>
                </c:pt>
                <c:pt idx="50">
                  <c:v>13.455</c:v>
                </c:pt>
                <c:pt idx="51">
                  <c:v>13.186999999999999</c:v>
                </c:pt>
                <c:pt idx="52">
                  <c:v>13.504</c:v>
                </c:pt>
                <c:pt idx="53">
                  <c:v>13.162000000000001</c:v>
                </c:pt>
                <c:pt idx="54">
                  <c:v>13.48</c:v>
                </c:pt>
                <c:pt idx="55">
                  <c:v>13.162000000000001</c:v>
                </c:pt>
                <c:pt idx="56">
                  <c:v>13.26</c:v>
                </c:pt>
                <c:pt idx="57">
                  <c:v>13.138</c:v>
                </c:pt>
                <c:pt idx="58">
                  <c:v>13.455</c:v>
                </c:pt>
                <c:pt idx="59">
                  <c:v>13.211</c:v>
                </c:pt>
                <c:pt idx="60">
                  <c:v>13.455</c:v>
                </c:pt>
                <c:pt idx="61">
                  <c:v>13.114000000000001</c:v>
                </c:pt>
                <c:pt idx="62">
                  <c:v>13.211</c:v>
                </c:pt>
                <c:pt idx="63">
                  <c:v>13.138</c:v>
                </c:pt>
                <c:pt idx="64">
                  <c:v>13.186999999999999</c:v>
                </c:pt>
                <c:pt idx="65">
                  <c:v>13.114000000000001</c:v>
                </c:pt>
                <c:pt idx="66">
                  <c:v>13.186999999999999</c:v>
                </c:pt>
                <c:pt idx="67">
                  <c:v>13.089</c:v>
                </c:pt>
                <c:pt idx="68">
                  <c:v>13.186999999999999</c:v>
                </c:pt>
                <c:pt idx="69">
                  <c:v>13.089</c:v>
                </c:pt>
                <c:pt idx="70">
                  <c:v>13.162000000000001</c:v>
                </c:pt>
                <c:pt idx="71">
                  <c:v>13.089</c:v>
                </c:pt>
                <c:pt idx="72">
                  <c:v>13.114000000000001</c:v>
                </c:pt>
                <c:pt idx="73">
                  <c:v>13.089</c:v>
                </c:pt>
                <c:pt idx="74">
                  <c:v>13.186999999999999</c:v>
                </c:pt>
                <c:pt idx="75">
                  <c:v>12.894</c:v>
                </c:pt>
                <c:pt idx="76">
                  <c:v>13.186999999999999</c:v>
                </c:pt>
                <c:pt idx="77">
                  <c:v>12.845000000000001</c:v>
                </c:pt>
                <c:pt idx="78">
                  <c:v>13.114000000000001</c:v>
                </c:pt>
                <c:pt idx="79">
                  <c:v>12.845000000000001</c:v>
                </c:pt>
                <c:pt idx="80">
                  <c:v>13.089</c:v>
                </c:pt>
                <c:pt idx="81">
                  <c:v>12.845000000000001</c:v>
                </c:pt>
                <c:pt idx="82">
                  <c:v>13.089</c:v>
                </c:pt>
                <c:pt idx="83">
                  <c:v>12.795999999999999</c:v>
                </c:pt>
                <c:pt idx="84">
                  <c:v>13.114000000000001</c:v>
                </c:pt>
                <c:pt idx="85">
                  <c:v>12.795999999999999</c:v>
                </c:pt>
                <c:pt idx="86">
                  <c:v>13.138</c:v>
                </c:pt>
                <c:pt idx="87">
                  <c:v>12.795999999999999</c:v>
                </c:pt>
                <c:pt idx="88">
                  <c:v>13.065</c:v>
                </c:pt>
                <c:pt idx="89">
                  <c:v>12.795999999999999</c:v>
                </c:pt>
                <c:pt idx="90">
                  <c:v>12.869</c:v>
                </c:pt>
                <c:pt idx="91">
                  <c:v>12.772</c:v>
                </c:pt>
                <c:pt idx="92">
                  <c:v>12.869</c:v>
                </c:pt>
                <c:pt idx="93">
                  <c:v>12.503</c:v>
                </c:pt>
                <c:pt idx="94">
                  <c:v>12.869</c:v>
                </c:pt>
                <c:pt idx="95">
                  <c:v>12.747</c:v>
                </c:pt>
                <c:pt idx="96">
                  <c:v>12.845000000000001</c:v>
                </c:pt>
                <c:pt idx="97">
                  <c:v>12.772</c:v>
                </c:pt>
                <c:pt idx="98">
                  <c:v>13.04</c:v>
                </c:pt>
                <c:pt idx="99">
                  <c:v>12.503</c:v>
                </c:pt>
                <c:pt idx="100">
                  <c:v>12.795999999999999</c:v>
                </c:pt>
                <c:pt idx="101">
                  <c:v>12.723000000000001</c:v>
                </c:pt>
                <c:pt idx="102">
                  <c:v>12.821</c:v>
                </c:pt>
                <c:pt idx="103">
                  <c:v>12.478999999999999</c:v>
                </c:pt>
                <c:pt idx="104">
                  <c:v>12.795999999999999</c:v>
                </c:pt>
                <c:pt idx="105">
                  <c:v>12.503</c:v>
                </c:pt>
                <c:pt idx="106">
                  <c:v>12.795999999999999</c:v>
                </c:pt>
                <c:pt idx="107">
                  <c:v>12.454000000000001</c:v>
                </c:pt>
                <c:pt idx="108">
                  <c:v>12.747</c:v>
                </c:pt>
                <c:pt idx="109">
                  <c:v>12.454000000000001</c:v>
                </c:pt>
                <c:pt idx="110">
                  <c:v>12.772</c:v>
                </c:pt>
                <c:pt idx="111">
                  <c:v>12.454000000000001</c:v>
                </c:pt>
                <c:pt idx="112">
                  <c:v>12.772</c:v>
                </c:pt>
                <c:pt idx="113">
                  <c:v>12.43</c:v>
                </c:pt>
                <c:pt idx="114">
                  <c:v>12.747</c:v>
                </c:pt>
                <c:pt idx="115">
                  <c:v>12.43</c:v>
                </c:pt>
                <c:pt idx="116">
                  <c:v>12.503</c:v>
                </c:pt>
                <c:pt idx="117">
                  <c:v>12.404999999999999</c:v>
                </c:pt>
                <c:pt idx="118">
                  <c:v>12.478999999999999</c:v>
                </c:pt>
                <c:pt idx="119">
                  <c:v>12.454000000000001</c:v>
                </c:pt>
                <c:pt idx="120">
                  <c:v>12.478999999999999</c:v>
                </c:pt>
                <c:pt idx="121">
                  <c:v>12.381</c:v>
                </c:pt>
                <c:pt idx="122">
                  <c:v>12.503</c:v>
                </c:pt>
                <c:pt idx="123">
                  <c:v>12.404999999999999</c:v>
                </c:pt>
                <c:pt idx="124">
                  <c:v>12.478999999999999</c:v>
                </c:pt>
                <c:pt idx="125">
                  <c:v>12.404999999999999</c:v>
                </c:pt>
                <c:pt idx="126">
                  <c:v>12.503</c:v>
                </c:pt>
                <c:pt idx="127">
                  <c:v>12.356999999999999</c:v>
                </c:pt>
                <c:pt idx="128">
                  <c:v>12.478999999999999</c:v>
                </c:pt>
                <c:pt idx="129">
                  <c:v>12.356999999999999</c:v>
                </c:pt>
                <c:pt idx="130">
                  <c:v>12.454000000000001</c:v>
                </c:pt>
                <c:pt idx="131">
                  <c:v>12.332000000000001</c:v>
                </c:pt>
                <c:pt idx="132">
                  <c:v>12.478999999999999</c:v>
                </c:pt>
                <c:pt idx="133">
                  <c:v>12.356999999999999</c:v>
                </c:pt>
                <c:pt idx="134">
                  <c:v>12.43</c:v>
                </c:pt>
                <c:pt idx="135">
                  <c:v>12.308</c:v>
                </c:pt>
                <c:pt idx="136">
                  <c:v>12.43</c:v>
                </c:pt>
                <c:pt idx="137">
                  <c:v>12.112</c:v>
                </c:pt>
                <c:pt idx="138">
                  <c:v>12.404999999999999</c:v>
                </c:pt>
                <c:pt idx="139">
                  <c:v>12.112</c:v>
                </c:pt>
                <c:pt idx="140">
                  <c:v>12.43</c:v>
                </c:pt>
                <c:pt idx="141">
                  <c:v>12.112</c:v>
                </c:pt>
                <c:pt idx="142">
                  <c:v>12.43</c:v>
                </c:pt>
                <c:pt idx="143">
                  <c:v>12.308</c:v>
                </c:pt>
                <c:pt idx="144">
                  <c:v>12.381</c:v>
                </c:pt>
                <c:pt idx="145">
                  <c:v>12.282999999999999</c:v>
                </c:pt>
                <c:pt idx="146">
                  <c:v>12.332000000000001</c:v>
                </c:pt>
                <c:pt idx="147">
                  <c:v>12.087999999999999</c:v>
                </c:pt>
                <c:pt idx="148">
                  <c:v>12.332000000000001</c:v>
                </c:pt>
                <c:pt idx="149">
                  <c:v>12.063000000000001</c:v>
                </c:pt>
                <c:pt idx="150">
                  <c:v>12.381</c:v>
                </c:pt>
                <c:pt idx="151">
                  <c:v>12.063000000000001</c:v>
                </c:pt>
                <c:pt idx="152">
                  <c:v>12.356999999999999</c:v>
                </c:pt>
                <c:pt idx="153">
                  <c:v>12.039</c:v>
                </c:pt>
                <c:pt idx="154">
                  <c:v>12.356999999999999</c:v>
                </c:pt>
                <c:pt idx="155">
                  <c:v>12.039</c:v>
                </c:pt>
                <c:pt idx="156">
                  <c:v>12.308</c:v>
                </c:pt>
                <c:pt idx="157">
                  <c:v>12.015000000000001</c:v>
                </c:pt>
                <c:pt idx="158">
                  <c:v>12.308</c:v>
                </c:pt>
                <c:pt idx="159">
                  <c:v>12.015000000000001</c:v>
                </c:pt>
                <c:pt idx="160">
                  <c:v>12.282999999999999</c:v>
                </c:pt>
                <c:pt idx="161">
                  <c:v>12.015000000000001</c:v>
                </c:pt>
                <c:pt idx="162">
                  <c:v>12.282999999999999</c:v>
                </c:pt>
                <c:pt idx="163">
                  <c:v>11.917</c:v>
                </c:pt>
                <c:pt idx="164">
                  <c:v>12.282999999999999</c:v>
                </c:pt>
                <c:pt idx="165">
                  <c:v>12.015000000000001</c:v>
                </c:pt>
                <c:pt idx="166">
                  <c:v>12.063000000000001</c:v>
                </c:pt>
                <c:pt idx="167">
                  <c:v>11.99</c:v>
                </c:pt>
                <c:pt idx="168">
                  <c:v>12.063000000000001</c:v>
                </c:pt>
                <c:pt idx="169">
                  <c:v>11.893000000000001</c:v>
                </c:pt>
                <c:pt idx="170">
                  <c:v>12.063000000000001</c:v>
                </c:pt>
                <c:pt idx="171">
                  <c:v>11.722</c:v>
                </c:pt>
                <c:pt idx="172">
                  <c:v>12.039</c:v>
                </c:pt>
                <c:pt idx="173">
                  <c:v>11.965999999999999</c:v>
                </c:pt>
                <c:pt idx="174">
                  <c:v>12.039</c:v>
                </c:pt>
                <c:pt idx="175">
                  <c:v>11.722</c:v>
                </c:pt>
                <c:pt idx="176">
                  <c:v>12.039</c:v>
                </c:pt>
                <c:pt idx="177">
                  <c:v>11.696999999999999</c:v>
                </c:pt>
                <c:pt idx="178">
                  <c:v>12.015000000000001</c:v>
                </c:pt>
                <c:pt idx="179">
                  <c:v>11.917</c:v>
                </c:pt>
                <c:pt idx="180">
                  <c:v>11.965999999999999</c:v>
                </c:pt>
                <c:pt idx="181">
                  <c:v>11.624000000000001</c:v>
                </c:pt>
                <c:pt idx="182">
                  <c:v>11.965999999999999</c:v>
                </c:pt>
                <c:pt idx="183">
                  <c:v>11.673</c:v>
                </c:pt>
                <c:pt idx="184">
                  <c:v>11.99</c:v>
                </c:pt>
                <c:pt idx="185">
                  <c:v>11.648</c:v>
                </c:pt>
                <c:pt idx="186">
                  <c:v>11.941000000000001</c:v>
                </c:pt>
                <c:pt idx="187">
                  <c:v>11.696999999999999</c:v>
                </c:pt>
                <c:pt idx="188">
                  <c:v>11.965999999999999</c:v>
                </c:pt>
                <c:pt idx="189">
                  <c:v>11.648</c:v>
                </c:pt>
                <c:pt idx="190">
                  <c:v>11.941000000000001</c:v>
                </c:pt>
                <c:pt idx="191">
                  <c:v>11.673</c:v>
                </c:pt>
                <c:pt idx="192">
                  <c:v>11.99</c:v>
                </c:pt>
                <c:pt idx="193">
                  <c:v>11.624000000000001</c:v>
                </c:pt>
                <c:pt idx="194">
                  <c:v>11.917</c:v>
                </c:pt>
                <c:pt idx="195">
                  <c:v>11.6</c:v>
                </c:pt>
                <c:pt idx="196">
                  <c:v>11.917</c:v>
                </c:pt>
                <c:pt idx="197">
                  <c:v>11.6</c:v>
                </c:pt>
                <c:pt idx="198">
                  <c:v>11.893000000000001</c:v>
                </c:pt>
                <c:pt idx="199">
                  <c:v>11.6</c:v>
                </c:pt>
                <c:pt idx="200">
                  <c:v>11.722</c:v>
                </c:pt>
                <c:pt idx="201">
                  <c:v>11.551</c:v>
                </c:pt>
                <c:pt idx="202">
                  <c:v>11.917</c:v>
                </c:pt>
                <c:pt idx="203">
                  <c:v>11.551</c:v>
                </c:pt>
                <c:pt idx="204">
                  <c:v>11.893000000000001</c:v>
                </c:pt>
                <c:pt idx="205">
                  <c:v>11.551</c:v>
                </c:pt>
                <c:pt idx="206">
                  <c:v>11.673</c:v>
                </c:pt>
                <c:pt idx="207">
                  <c:v>11.574999999999999</c:v>
                </c:pt>
                <c:pt idx="208">
                  <c:v>11.648</c:v>
                </c:pt>
                <c:pt idx="209">
                  <c:v>11.526</c:v>
                </c:pt>
                <c:pt idx="210">
                  <c:v>11.6</c:v>
                </c:pt>
                <c:pt idx="211">
                  <c:v>11.502000000000001</c:v>
                </c:pt>
                <c:pt idx="212">
                  <c:v>11.624000000000001</c:v>
                </c:pt>
                <c:pt idx="213">
                  <c:v>11.526</c:v>
                </c:pt>
                <c:pt idx="214">
                  <c:v>11.6</c:v>
                </c:pt>
                <c:pt idx="215">
                  <c:v>11.526</c:v>
                </c:pt>
                <c:pt idx="216">
                  <c:v>11.6</c:v>
                </c:pt>
                <c:pt idx="217">
                  <c:v>11.305999999999999</c:v>
                </c:pt>
                <c:pt idx="218">
                  <c:v>11.6</c:v>
                </c:pt>
                <c:pt idx="219">
                  <c:v>11.305999999999999</c:v>
                </c:pt>
                <c:pt idx="220">
                  <c:v>11.6</c:v>
                </c:pt>
                <c:pt idx="221">
                  <c:v>11.282</c:v>
                </c:pt>
                <c:pt idx="222">
                  <c:v>11.6</c:v>
                </c:pt>
                <c:pt idx="223">
                  <c:v>11.282</c:v>
                </c:pt>
                <c:pt idx="224">
                  <c:v>11.6</c:v>
                </c:pt>
                <c:pt idx="225">
                  <c:v>11.282</c:v>
                </c:pt>
                <c:pt idx="226">
                  <c:v>11.502000000000001</c:v>
                </c:pt>
                <c:pt idx="227">
                  <c:v>11.282</c:v>
                </c:pt>
                <c:pt idx="228">
                  <c:v>11.6</c:v>
                </c:pt>
                <c:pt idx="229">
                  <c:v>11.282</c:v>
                </c:pt>
                <c:pt idx="230">
                  <c:v>11.551</c:v>
                </c:pt>
                <c:pt idx="231">
                  <c:v>11.257999999999999</c:v>
                </c:pt>
                <c:pt idx="232">
                  <c:v>11.526</c:v>
                </c:pt>
                <c:pt idx="233">
                  <c:v>11.233000000000001</c:v>
                </c:pt>
                <c:pt idx="234">
                  <c:v>11.551</c:v>
                </c:pt>
                <c:pt idx="235">
                  <c:v>11.183999999999999</c:v>
                </c:pt>
                <c:pt idx="236">
                  <c:v>11.502000000000001</c:v>
                </c:pt>
                <c:pt idx="237">
                  <c:v>11.209</c:v>
                </c:pt>
                <c:pt idx="238">
                  <c:v>11.331</c:v>
                </c:pt>
                <c:pt idx="239">
                  <c:v>11.209</c:v>
                </c:pt>
                <c:pt idx="240">
                  <c:v>11.305999999999999</c:v>
                </c:pt>
                <c:pt idx="241">
                  <c:v>11.209</c:v>
                </c:pt>
                <c:pt idx="242">
                  <c:v>11.282</c:v>
                </c:pt>
                <c:pt idx="243">
                  <c:v>11.16</c:v>
                </c:pt>
                <c:pt idx="244">
                  <c:v>11.305999999999999</c:v>
                </c:pt>
                <c:pt idx="245">
                  <c:v>11.135999999999999</c:v>
                </c:pt>
                <c:pt idx="246">
                  <c:v>11.282</c:v>
                </c:pt>
                <c:pt idx="247">
                  <c:v>11.16</c:v>
                </c:pt>
                <c:pt idx="248">
                  <c:v>11.233000000000001</c:v>
                </c:pt>
                <c:pt idx="249">
                  <c:v>11.111000000000001</c:v>
                </c:pt>
                <c:pt idx="250">
                  <c:v>11.305999999999999</c:v>
                </c:pt>
                <c:pt idx="251">
                  <c:v>11.135999999999999</c:v>
                </c:pt>
                <c:pt idx="252">
                  <c:v>11.257999999999999</c:v>
                </c:pt>
                <c:pt idx="253">
                  <c:v>10.94</c:v>
                </c:pt>
                <c:pt idx="254">
                  <c:v>11.209</c:v>
                </c:pt>
                <c:pt idx="255">
                  <c:v>10.916</c:v>
                </c:pt>
                <c:pt idx="256">
                  <c:v>11.183999999999999</c:v>
                </c:pt>
                <c:pt idx="257">
                  <c:v>10.94</c:v>
                </c:pt>
                <c:pt idx="258">
                  <c:v>11.183999999999999</c:v>
                </c:pt>
                <c:pt idx="259">
                  <c:v>10.916</c:v>
                </c:pt>
                <c:pt idx="260">
                  <c:v>11.135999999999999</c:v>
                </c:pt>
                <c:pt idx="261">
                  <c:v>10.891</c:v>
                </c:pt>
                <c:pt idx="262">
                  <c:v>11.183999999999999</c:v>
                </c:pt>
                <c:pt idx="263">
                  <c:v>10.891</c:v>
                </c:pt>
                <c:pt idx="264">
                  <c:v>11.16</c:v>
                </c:pt>
                <c:pt idx="265">
                  <c:v>10.867000000000001</c:v>
                </c:pt>
                <c:pt idx="266">
                  <c:v>11.135999999999999</c:v>
                </c:pt>
                <c:pt idx="267">
                  <c:v>10.867000000000001</c:v>
                </c:pt>
                <c:pt idx="268">
                  <c:v>11.111000000000001</c:v>
                </c:pt>
                <c:pt idx="269">
                  <c:v>10.867000000000001</c:v>
                </c:pt>
                <c:pt idx="270">
                  <c:v>11.111000000000001</c:v>
                </c:pt>
                <c:pt idx="271">
                  <c:v>10.842000000000001</c:v>
                </c:pt>
                <c:pt idx="272">
                  <c:v>11.16</c:v>
                </c:pt>
                <c:pt idx="273">
                  <c:v>10.818</c:v>
                </c:pt>
                <c:pt idx="274">
                  <c:v>10.916</c:v>
                </c:pt>
                <c:pt idx="275">
                  <c:v>10.769</c:v>
                </c:pt>
                <c:pt idx="276">
                  <c:v>11.111000000000001</c:v>
                </c:pt>
                <c:pt idx="277">
                  <c:v>10.744999999999999</c:v>
                </c:pt>
                <c:pt idx="278">
                  <c:v>11.111000000000001</c:v>
                </c:pt>
                <c:pt idx="279">
                  <c:v>10.794</c:v>
                </c:pt>
                <c:pt idx="280">
                  <c:v>10.891</c:v>
                </c:pt>
                <c:pt idx="281">
                  <c:v>10.842000000000001</c:v>
                </c:pt>
                <c:pt idx="282">
                  <c:v>10.891</c:v>
                </c:pt>
                <c:pt idx="283">
                  <c:v>10.794</c:v>
                </c:pt>
                <c:pt idx="284">
                  <c:v>10.867000000000001</c:v>
                </c:pt>
                <c:pt idx="285">
                  <c:v>10.769</c:v>
                </c:pt>
                <c:pt idx="286">
                  <c:v>10.867000000000001</c:v>
                </c:pt>
                <c:pt idx="287">
                  <c:v>10.769</c:v>
                </c:pt>
                <c:pt idx="288">
                  <c:v>10.867000000000001</c:v>
                </c:pt>
                <c:pt idx="289">
                  <c:v>10.744999999999999</c:v>
                </c:pt>
                <c:pt idx="290">
                  <c:v>10.891</c:v>
                </c:pt>
                <c:pt idx="291">
                  <c:v>10.744999999999999</c:v>
                </c:pt>
                <c:pt idx="292">
                  <c:v>10.891</c:v>
                </c:pt>
                <c:pt idx="293">
                  <c:v>10.744999999999999</c:v>
                </c:pt>
                <c:pt idx="294">
                  <c:v>10.794</c:v>
                </c:pt>
                <c:pt idx="295">
                  <c:v>10.72</c:v>
                </c:pt>
                <c:pt idx="296">
                  <c:v>10.818</c:v>
                </c:pt>
                <c:pt idx="297">
                  <c:v>10.548999999999999</c:v>
                </c:pt>
                <c:pt idx="298">
                  <c:v>10.794</c:v>
                </c:pt>
                <c:pt idx="299">
                  <c:v>10.500999999999999</c:v>
                </c:pt>
                <c:pt idx="300">
                  <c:v>10.818</c:v>
                </c:pt>
                <c:pt idx="301">
                  <c:v>10.500999999999999</c:v>
                </c:pt>
                <c:pt idx="302">
                  <c:v>10.818</c:v>
                </c:pt>
                <c:pt idx="303">
                  <c:v>10.500999999999999</c:v>
                </c:pt>
                <c:pt idx="304">
                  <c:v>10.794</c:v>
                </c:pt>
                <c:pt idx="305">
                  <c:v>10.525</c:v>
                </c:pt>
                <c:pt idx="306">
                  <c:v>10.769</c:v>
                </c:pt>
                <c:pt idx="307">
                  <c:v>10.452</c:v>
                </c:pt>
                <c:pt idx="308">
                  <c:v>10.769</c:v>
                </c:pt>
                <c:pt idx="309">
                  <c:v>10.427</c:v>
                </c:pt>
                <c:pt idx="310">
                  <c:v>10.744999999999999</c:v>
                </c:pt>
                <c:pt idx="311">
                  <c:v>10.452</c:v>
                </c:pt>
                <c:pt idx="312">
                  <c:v>10.72</c:v>
                </c:pt>
                <c:pt idx="313">
                  <c:v>10.452</c:v>
                </c:pt>
                <c:pt idx="314">
                  <c:v>10.548999999999999</c:v>
                </c:pt>
                <c:pt idx="315">
                  <c:v>10.403</c:v>
                </c:pt>
                <c:pt idx="316">
                  <c:v>10.72</c:v>
                </c:pt>
                <c:pt idx="317">
                  <c:v>10.427</c:v>
                </c:pt>
                <c:pt idx="318">
                  <c:v>10.744999999999999</c:v>
                </c:pt>
                <c:pt idx="319">
                  <c:v>10.403</c:v>
                </c:pt>
                <c:pt idx="320">
                  <c:v>10.525</c:v>
                </c:pt>
                <c:pt idx="321">
                  <c:v>10.379</c:v>
                </c:pt>
                <c:pt idx="322">
                  <c:v>10.72</c:v>
                </c:pt>
                <c:pt idx="323">
                  <c:v>10.403</c:v>
                </c:pt>
                <c:pt idx="324">
                  <c:v>10.476000000000001</c:v>
                </c:pt>
                <c:pt idx="325">
                  <c:v>10.353999999999999</c:v>
                </c:pt>
                <c:pt idx="326">
                  <c:v>10.476000000000001</c:v>
                </c:pt>
                <c:pt idx="327">
                  <c:v>10.353999999999999</c:v>
                </c:pt>
                <c:pt idx="328">
                  <c:v>10.452</c:v>
                </c:pt>
                <c:pt idx="329">
                  <c:v>10.353999999999999</c:v>
                </c:pt>
                <c:pt idx="330">
                  <c:v>10.476000000000001</c:v>
                </c:pt>
                <c:pt idx="331">
                  <c:v>10.33</c:v>
                </c:pt>
                <c:pt idx="332">
                  <c:v>10.452</c:v>
                </c:pt>
                <c:pt idx="333">
                  <c:v>10.33</c:v>
                </c:pt>
                <c:pt idx="334">
                  <c:v>10.476000000000001</c:v>
                </c:pt>
                <c:pt idx="335">
                  <c:v>10.134</c:v>
                </c:pt>
                <c:pt idx="336">
                  <c:v>10.452</c:v>
                </c:pt>
                <c:pt idx="337">
                  <c:v>10.33</c:v>
                </c:pt>
                <c:pt idx="338">
                  <c:v>10.452</c:v>
                </c:pt>
                <c:pt idx="339">
                  <c:v>10.159000000000001</c:v>
                </c:pt>
                <c:pt idx="340">
                  <c:v>10.452</c:v>
                </c:pt>
                <c:pt idx="341">
                  <c:v>10.134</c:v>
                </c:pt>
                <c:pt idx="342">
                  <c:v>10.403</c:v>
                </c:pt>
                <c:pt idx="343">
                  <c:v>10.134</c:v>
                </c:pt>
                <c:pt idx="344">
                  <c:v>10.427</c:v>
                </c:pt>
                <c:pt idx="345">
                  <c:v>10.11</c:v>
                </c:pt>
                <c:pt idx="346">
                  <c:v>10.379</c:v>
                </c:pt>
                <c:pt idx="347">
                  <c:v>10.085000000000001</c:v>
                </c:pt>
                <c:pt idx="348">
                  <c:v>10.403</c:v>
                </c:pt>
                <c:pt idx="349">
                  <c:v>10.061</c:v>
                </c:pt>
                <c:pt idx="350">
                  <c:v>10.379</c:v>
                </c:pt>
                <c:pt idx="351">
                  <c:v>10.061</c:v>
                </c:pt>
                <c:pt idx="352">
                  <c:v>10.403</c:v>
                </c:pt>
                <c:pt idx="353">
                  <c:v>10.061</c:v>
                </c:pt>
                <c:pt idx="354">
                  <c:v>10.379</c:v>
                </c:pt>
                <c:pt idx="355">
                  <c:v>10.037000000000001</c:v>
                </c:pt>
                <c:pt idx="356">
                  <c:v>10.33</c:v>
                </c:pt>
                <c:pt idx="357">
                  <c:v>10.061</c:v>
                </c:pt>
                <c:pt idx="358">
                  <c:v>10.353999999999999</c:v>
                </c:pt>
                <c:pt idx="359">
                  <c:v>10.085000000000001</c:v>
                </c:pt>
                <c:pt idx="360">
                  <c:v>10.353999999999999</c:v>
                </c:pt>
                <c:pt idx="361">
                  <c:v>9.9879999999999995</c:v>
                </c:pt>
                <c:pt idx="362">
                  <c:v>10.134</c:v>
                </c:pt>
                <c:pt idx="363">
                  <c:v>10.012</c:v>
                </c:pt>
                <c:pt idx="364">
                  <c:v>10.33</c:v>
                </c:pt>
                <c:pt idx="365">
                  <c:v>10.012</c:v>
                </c:pt>
                <c:pt idx="366">
                  <c:v>10.085000000000001</c:v>
                </c:pt>
                <c:pt idx="367">
                  <c:v>9.9879999999999995</c:v>
                </c:pt>
                <c:pt idx="368">
                  <c:v>10.134</c:v>
                </c:pt>
                <c:pt idx="369">
                  <c:v>9.9629999999999992</c:v>
                </c:pt>
                <c:pt idx="370">
                  <c:v>10.11</c:v>
                </c:pt>
                <c:pt idx="371">
                  <c:v>9.9629999999999992</c:v>
                </c:pt>
                <c:pt idx="372">
                  <c:v>10.11</c:v>
                </c:pt>
                <c:pt idx="373">
                  <c:v>9.7189999999999994</c:v>
                </c:pt>
                <c:pt idx="374">
                  <c:v>10.085000000000001</c:v>
                </c:pt>
                <c:pt idx="375">
                  <c:v>9.7189999999999994</c:v>
                </c:pt>
                <c:pt idx="376">
                  <c:v>10.061</c:v>
                </c:pt>
                <c:pt idx="377">
                  <c:v>9.7189999999999994</c:v>
                </c:pt>
                <c:pt idx="378">
                  <c:v>10.061</c:v>
                </c:pt>
                <c:pt idx="379">
                  <c:v>9.6950000000000003</c:v>
                </c:pt>
                <c:pt idx="380">
                  <c:v>10.037000000000001</c:v>
                </c:pt>
                <c:pt idx="381">
                  <c:v>9.7680000000000007</c:v>
                </c:pt>
                <c:pt idx="382">
                  <c:v>10.037000000000001</c:v>
                </c:pt>
                <c:pt idx="383">
                  <c:v>9.7189999999999994</c:v>
                </c:pt>
                <c:pt idx="384">
                  <c:v>10.012</c:v>
                </c:pt>
                <c:pt idx="385">
                  <c:v>9.6460000000000008</c:v>
                </c:pt>
                <c:pt idx="386">
                  <c:v>9.9879999999999995</c:v>
                </c:pt>
                <c:pt idx="387">
                  <c:v>9.67</c:v>
                </c:pt>
                <c:pt idx="388">
                  <c:v>9.9879999999999995</c:v>
                </c:pt>
                <c:pt idx="389">
                  <c:v>9.6950000000000003</c:v>
                </c:pt>
                <c:pt idx="390">
                  <c:v>10.012</c:v>
                </c:pt>
                <c:pt idx="391">
                  <c:v>9.7189999999999994</c:v>
                </c:pt>
                <c:pt idx="392">
                  <c:v>9.9629999999999992</c:v>
                </c:pt>
                <c:pt idx="393">
                  <c:v>9.6950000000000003</c:v>
                </c:pt>
                <c:pt idx="394">
                  <c:v>9.9629999999999992</c:v>
                </c:pt>
                <c:pt idx="395">
                  <c:v>9.67</c:v>
                </c:pt>
                <c:pt idx="396">
                  <c:v>9.9629999999999992</c:v>
                </c:pt>
                <c:pt idx="397">
                  <c:v>9.67</c:v>
                </c:pt>
                <c:pt idx="398">
                  <c:v>9.9879999999999995</c:v>
                </c:pt>
                <c:pt idx="399">
                  <c:v>9.6460000000000008</c:v>
                </c:pt>
                <c:pt idx="400">
                  <c:v>9.9390000000000001</c:v>
                </c:pt>
                <c:pt idx="401">
                  <c:v>9.6460000000000008</c:v>
                </c:pt>
                <c:pt idx="402">
                  <c:v>9.7189999999999994</c:v>
                </c:pt>
                <c:pt idx="403">
                  <c:v>9.6210000000000004</c:v>
                </c:pt>
                <c:pt idx="404">
                  <c:v>9.7439999999999998</c:v>
                </c:pt>
                <c:pt idx="405">
                  <c:v>9.5969999999999995</c:v>
                </c:pt>
                <c:pt idx="406">
                  <c:v>9.9149999999999991</c:v>
                </c:pt>
                <c:pt idx="407">
                  <c:v>9.5969999999999995</c:v>
                </c:pt>
                <c:pt idx="408">
                  <c:v>9.7189999999999994</c:v>
                </c:pt>
                <c:pt idx="409">
                  <c:v>9.5730000000000004</c:v>
                </c:pt>
                <c:pt idx="410">
                  <c:v>9.6950000000000003</c:v>
                </c:pt>
                <c:pt idx="411">
                  <c:v>9.5730000000000004</c:v>
                </c:pt>
                <c:pt idx="412">
                  <c:v>9.7439999999999998</c:v>
                </c:pt>
                <c:pt idx="413">
                  <c:v>9.5239999999999991</c:v>
                </c:pt>
                <c:pt idx="414">
                  <c:v>9.6460000000000008</c:v>
                </c:pt>
                <c:pt idx="415">
                  <c:v>9.3770000000000007</c:v>
                </c:pt>
                <c:pt idx="416">
                  <c:v>9.6950000000000003</c:v>
                </c:pt>
                <c:pt idx="417">
                  <c:v>9.3770000000000007</c:v>
                </c:pt>
                <c:pt idx="418">
                  <c:v>9.6950000000000003</c:v>
                </c:pt>
                <c:pt idx="419">
                  <c:v>9.3770000000000007</c:v>
                </c:pt>
                <c:pt idx="420">
                  <c:v>9.67</c:v>
                </c:pt>
                <c:pt idx="421">
                  <c:v>9.3770000000000007</c:v>
                </c:pt>
                <c:pt idx="422">
                  <c:v>9.67</c:v>
                </c:pt>
                <c:pt idx="423">
                  <c:v>9.3279999999999994</c:v>
                </c:pt>
                <c:pt idx="424">
                  <c:v>9.6210000000000004</c:v>
                </c:pt>
                <c:pt idx="425">
                  <c:v>9.3279999999999994</c:v>
                </c:pt>
                <c:pt idx="426">
                  <c:v>9.6460000000000008</c:v>
                </c:pt>
                <c:pt idx="427">
                  <c:v>9.3040000000000003</c:v>
                </c:pt>
                <c:pt idx="428">
                  <c:v>9.5969999999999995</c:v>
                </c:pt>
                <c:pt idx="429">
                  <c:v>9.2799999999999994</c:v>
                </c:pt>
                <c:pt idx="430">
                  <c:v>9.5730000000000004</c:v>
                </c:pt>
                <c:pt idx="431">
                  <c:v>9.2799999999999994</c:v>
                </c:pt>
                <c:pt idx="432">
                  <c:v>9.5730000000000004</c:v>
                </c:pt>
                <c:pt idx="433">
                  <c:v>9.2799999999999994</c:v>
                </c:pt>
                <c:pt idx="434">
                  <c:v>9.5969999999999995</c:v>
                </c:pt>
                <c:pt idx="435">
                  <c:v>9.3040000000000003</c:v>
                </c:pt>
                <c:pt idx="436">
                  <c:v>9.5730000000000004</c:v>
                </c:pt>
                <c:pt idx="437">
                  <c:v>9.2799999999999994</c:v>
                </c:pt>
                <c:pt idx="438">
                  <c:v>9.5730000000000004</c:v>
                </c:pt>
                <c:pt idx="439">
                  <c:v>9.2799999999999994</c:v>
                </c:pt>
                <c:pt idx="440">
                  <c:v>9.5969999999999995</c:v>
                </c:pt>
                <c:pt idx="441">
                  <c:v>9.2309999999999999</c:v>
                </c:pt>
                <c:pt idx="442">
                  <c:v>9.5239999999999991</c:v>
                </c:pt>
                <c:pt idx="443">
                  <c:v>9.2550000000000008</c:v>
                </c:pt>
                <c:pt idx="444">
                  <c:v>9.548</c:v>
                </c:pt>
                <c:pt idx="445">
                  <c:v>9.2550000000000008</c:v>
                </c:pt>
                <c:pt idx="446">
                  <c:v>9.3279999999999994</c:v>
                </c:pt>
                <c:pt idx="447">
                  <c:v>9.2059999999999995</c:v>
                </c:pt>
                <c:pt idx="448">
                  <c:v>9.5730000000000004</c:v>
                </c:pt>
                <c:pt idx="449">
                  <c:v>9.2309999999999999</c:v>
                </c:pt>
                <c:pt idx="450">
                  <c:v>9.5730000000000004</c:v>
                </c:pt>
                <c:pt idx="451">
                  <c:v>9.1820000000000004</c:v>
                </c:pt>
                <c:pt idx="452">
                  <c:v>9.3040000000000003</c:v>
                </c:pt>
                <c:pt idx="453">
                  <c:v>9.1820000000000004</c:v>
                </c:pt>
                <c:pt idx="454">
                  <c:v>9.3279999999999994</c:v>
                </c:pt>
                <c:pt idx="455">
                  <c:v>9.2059999999999995</c:v>
                </c:pt>
                <c:pt idx="456">
                  <c:v>9.3279999999999994</c:v>
                </c:pt>
                <c:pt idx="457">
                  <c:v>8.9380000000000006</c:v>
                </c:pt>
                <c:pt idx="458">
                  <c:v>9.2799999999999994</c:v>
                </c:pt>
                <c:pt idx="459">
                  <c:v>8.9380000000000006</c:v>
                </c:pt>
                <c:pt idx="460">
                  <c:v>9.2550000000000008</c:v>
                </c:pt>
                <c:pt idx="461">
                  <c:v>8.9870000000000001</c:v>
                </c:pt>
                <c:pt idx="462">
                  <c:v>9.2799999999999994</c:v>
                </c:pt>
                <c:pt idx="463">
                  <c:v>8.9130000000000003</c:v>
                </c:pt>
                <c:pt idx="464">
                  <c:v>9.2550000000000008</c:v>
                </c:pt>
                <c:pt idx="465">
                  <c:v>9.1579999999999995</c:v>
                </c:pt>
                <c:pt idx="466">
                  <c:v>9.3040000000000003</c:v>
                </c:pt>
                <c:pt idx="467">
                  <c:v>8.9380000000000006</c:v>
                </c:pt>
                <c:pt idx="468">
                  <c:v>9.1820000000000004</c:v>
                </c:pt>
                <c:pt idx="469">
                  <c:v>8.9619999999999997</c:v>
                </c:pt>
                <c:pt idx="470">
                  <c:v>9.2550000000000008</c:v>
                </c:pt>
                <c:pt idx="471">
                  <c:v>8.9380000000000006</c:v>
                </c:pt>
                <c:pt idx="472">
                  <c:v>9.2059999999999995</c:v>
                </c:pt>
                <c:pt idx="473">
                  <c:v>8.9130000000000003</c:v>
                </c:pt>
                <c:pt idx="474">
                  <c:v>9.2059999999999995</c:v>
                </c:pt>
                <c:pt idx="475">
                  <c:v>8.8889999999999993</c:v>
                </c:pt>
                <c:pt idx="476">
                  <c:v>9.2059999999999995</c:v>
                </c:pt>
                <c:pt idx="477">
                  <c:v>8.9130000000000003</c:v>
                </c:pt>
                <c:pt idx="478">
                  <c:v>9.2059999999999995</c:v>
                </c:pt>
                <c:pt idx="479">
                  <c:v>8.8889999999999993</c:v>
                </c:pt>
                <c:pt idx="480">
                  <c:v>9.1820000000000004</c:v>
                </c:pt>
                <c:pt idx="481">
                  <c:v>8.8640000000000008</c:v>
                </c:pt>
                <c:pt idx="482">
                  <c:v>9.2059999999999995</c:v>
                </c:pt>
                <c:pt idx="483">
                  <c:v>8.8889999999999993</c:v>
                </c:pt>
                <c:pt idx="484">
                  <c:v>9.1579999999999995</c:v>
                </c:pt>
                <c:pt idx="485">
                  <c:v>8.8640000000000008</c:v>
                </c:pt>
                <c:pt idx="486">
                  <c:v>9.1579999999999995</c:v>
                </c:pt>
                <c:pt idx="487">
                  <c:v>8.8160000000000007</c:v>
                </c:pt>
                <c:pt idx="488">
                  <c:v>8.9619999999999997</c:v>
                </c:pt>
                <c:pt idx="489">
                  <c:v>8.8160000000000007</c:v>
                </c:pt>
                <c:pt idx="490">
                  <c:v>9.1579999999999995</c:v>
                </c:pt>
                <c:pt idx="491">
                  <c:v>8.7910000000000004</c:v>
                </c:pt>
                <c:pt idx="492">
                  <c:v>8.9380000000000006</c:v>
                </c:pt>
                <c:pt idx="493">
                  <c:v>8.7910000000000004</c:v>
                </c:pt>
                <c:pt idx="494">
                  <c:v>8.9619999999999997</c:v>
                </c:pt>
                <c:pt idx="495">
                  <c:v>8.8160000000000007</c:v>
                </c:pt>
                <c:pt idx="496">
                  <c:v>8.9619999999999997</c:v>
                </c:pt>
                <c:pt idx="497">
                  <c:v>8.5960000000000001</c:v>
                </c:pt>
                <c:pt idx="498">
                  <c:v>8.9130000000000003</c:v>
                </c:pt>
                <c:pt idx="499">
                  <c:v>8.8160000000000007</c:v>
                </c:pt>
                <c:pt idx="500">
                  <c:v>8.9380000000000006</c:v>
                </c:pt>
                <c:pt idx="501">
                  <c:v>8.7910000000000004</c:v>
                </c:pt>
                <c:pt idx="502">
                  <c:v>8.8889999999999993</c:v>
                </c:pt>
                <c:pt idx="503">
                  <c:v>8.5709999999999997</c:v>
                </c:pt>
                <c:pt idx="504">
                  <c:v>8.9130000000000003</c:v>
                </c:pt>
                <c:pt idx="505">
                  <c:v>8.5229999999999997</c:v>
                </c:pt>
                <c:pt idx="506">
                  <c:v>8.8889999999999993</c:v>
                </c:pt>
                <c:pt idx="507">
                  <c:v>8.5960000000000001</c:v>
                </c:pt>
                <c:pt idx="508">
                  <c:v>8.8640000000000008</c:v>
                </c:pt>
                <c:pt idx="509">
                  <c:v>8.4979999999999993</c:v>
                </c:pt>
                <c:pt idx="510">
                  <c:v>8.8889999999999993</c:v>
                </c:pt>
                <c:pt idx="511">
                  <c:v>8.5229999999999997</c:v>
                </c:pt>
                <c:pt idx="512">
                  <c:v>8.8640000000000008</c:v>
                </c:pt>
                <c:pt idx="513">
                  <c:v>8.5229999999999997</c:v>
                </c:pt>
                <c:pt idx="514">
                  <c:v>8.84</c:v>
                </c:pt>
                <c:pt idx="515">
                  <c:v>8.5229999999999997</c:v>
                </c:pt>
                <c:pt idx="516">
                  <c:v>8.84</c:v>
                </c:pt>
                <c:pt idx="517">
                  <c:v>8.5470000000000006</c:v>
                </c:pt>
                <c:pt idx="518">
                  <c:v>8.8160000000000007</c:v>
                </c:pt>
                <c:pt idx="519">
                  <c:v>8.5709999999999997</c:v>
                </c:pt>
                <c:pt idx="520">
                  <c:v>8.84</c:v>
                </c:pt>
                <c:pt idx="521">
                  <c:v>8.4740000000000002</c:v>
                </c:pt>
                <c:pt idx="522">
                  <c:v>8.84</c:v>
                </c:pt>
                <c:pt idx="523">
                  <c:v>8.5229999999999997</c:v>
                </c:pt>
                <c:pt idx="524">
                  <c:v>8.8160000000000007</c:v>
                </c:pt>
                <c:pt idx="525">
                  <c:v>8.5229999999999997</c:v>
                </c:pt>
                <c:pt idx="526">
                  <c:v>8.5709999999999997</c:v>
                </c:pt>
                <c:pt idx="527">
                  <c:v>8.4740000000000002</c:v>
                </c:pt>
                <c:pt idx="528">
                  <c:v>8.7910000000000004</c:v>
                </c:pt>
                <c:pt idx="529">
                  <c:v>8.4250000000000007</c:v>
                </c:pt>
                <c:pt idx="530">
                  <c:v>8.5960000000000001</c:v>
                </c:pt>
                <c:pt idx="531">
                  <c:v>8.4979999999999993</c:v>
                </c:pt>
                <c:pt idx="532">
                  <c:v>8.7669999999999995</c:v>
                </c:pt>
                <c:pt idx="533">
                  <c:v>8.4</c:v>
                </c:pt>
                <c:pt idx="534">
                  <c:v>8.5960000000000001</c:v>
                </c:pt>
                <c:pt idx="535">
                  <c:v>8.4250000000000007</c:v>
                </c:pt>
                <c:pt idx="536">
                  <c:v>8.7669999999999995</c:v>
                </c:pt>
                <c:pt idx="537">
                  <c:v>8.4</c:v>
                </c:pt>
                <c:pt idx="538">
                  <c:v>8.5229999999999997</c:v>
                </c:pt>
                <c:pt idx="539">
                  <c:v>8.4250000000000007</c:v>
                </c:pt>
                <c:pt idx="540">
                  <c:v>8.5470000000000006</c:v>
                </c:pt>
                <c:pt idx="541">
                  <c:v>8.4</c:v>
                </c:pt>
                <c:pt idx="542">
                  <c:v>8.5470000000000006</c:v>
                </c:pt>
                <c:pt idx="543">
                  <c:v>8.4</c:v>
                </c:pt>
                <c:pt idx="544">
                  <c:v>8.5709999999999997</c:v>
                </c:pt>
                <c:pt idx="545">
                  <c:v>8.4</c:v>
                </c:pt>
                <c:pt idx="546">
                  <c:v>8.5229999999999997</c:v>
                </c:pt>
                <c:pt idx="547">
                  <c:v>8.3759999999999994</c:v>
                </c:pt>
                <c:pt idx="548">
                  <c:v>8.5470000000000006</c:v>
                </c:pt>
                <c:pt idx="549">
                  <c:v>8.2050000000000001</c:v>
                </c:pt>
                <c:pt idx="550">
                  <c:v>8.5229999999999997</c:v>
                </c:pt>
                <c:pt idx="551">
                  <c:v>8.4250000000000007</c:v>
                </c:pt>
                <c:pt idx="552">
                  <c:v>8.4740000000000002</c:v>
                </c:pt>
                <c:pt idx="553">
                  <c:v>8.1560000000000006</c:v>
                </c:pt>
                <c:pt idx="554">
                  <c:v>8.4979999999999993</c:v>
                </c:pt>
                <c:pt idx="555">
                  <c:v>8.1560000000000006</c:v>
                </c:pt>
                <c:pt idx="556">
                  <c:v>8.4489999999999998</c:v>
                </c:pt>
                <c:pt idx="557">
                  <c:v>8.1319999999999997</c:v>
                </c:pt>
                <c:pt idx="558">
                  <c:v>8.4489999999999998</c:v>
                </c:pt>
                <c:pt idx="559">
                  <c:v>8.1560000000000006</c:v>
                </c:pt>
                <c:pt idx="560">
                  <c:v>8.4740000000000002</c:v>
                </c:pt>
                <c:pt idx="561">
                  <c:v>8.1560000000000006</c:v>
                </c:pt>
                <c:pt idx="562">
                  <c:v>8.4740000000000002</c:v>
                </c:pt>
                <c:pt idx="563">
                  <c:v>8.1069999999999993</c:v>
                </c:pt>
                <c:pt idx="564">
                  <c:v>8.4250000000000007</c:v>
                </c:pt>
                <c:pt idx="565">
                  <c:v>8.1809999999999992</c:v>
                </c:pt>
                <c:pt idx="566">
                  <c:v>8.4489999999999998</c:v>
                </c:pt>
                <c:pt idx="567">
                  <c:v>8.0830000000000002</c:v>
                </c:pt>
                <c:pt idx="568">
                  <c:v>8.4489999999999998</c:v>
                </c:pt>
                <c:pt idx="569">
                  <c:v>8.0830000000000002</c:v>
                </c:pt>
                <c:pt idx="570">
                  <c:v>8.4250000000000007</c:v>
                </c:pt>
                <c:pt idx="571">
                  <c:v>8.0830000000000002</c:v>
                </c:pt>
                <c:pt idx="572">
                  <c:v>8.4250000000000007</c:v>
                </c:pt>
                <c:pt idx="573">
                  <c:v>8.0589999999999993</c:v>
                </c:pt>
                <c:pt idx="574">
                  <c:v>8.4</c:v>
                </c:pt>
                <c:pt idx="575">
                  <c:v>8.0830000000000002</c:v>
                </c:pt>
                <c:pt idx="576">
                  <c:v>8.3520000000000003</c:v>
                </c:pt>
                <c:pt idx="577">
                  <c:v>8.0830000000000002</c:v>
                </c:pt>
                <c:pt idx="578">
                  <c:v>8.2050000000000001</c:v>
                </c:pt>
                <c:pt idx="579">
                  <c:v>8.1069999999999993</c:v>
                </c:pt>
                <c:pt idx="580">
                  <c:v>8.2050000000000001</c:v>
                </c:pt>
                <c:pt idx="581">
                  <c:v>8.0340000000000007</c:v>
                </c:pt>
                <c:pt idx="582">
                  <c:v>8.2050000000000001</c:v>
                </c:pt>
                <c:pt idx="583">
                  <c:v>8.0589999999999993</c:v>
                </c:pt>
                <c:pt idx="584">
                  <c:v>8.1560000000000006</c:v>
                </c:pt>
                <c:pt idx="585">
                  <c:v>8.0340000000000007</c:v>
                </c:pt>
                <c:pt idx="586">
                  <c:v>8.1560000000000006</c:v>
                </c:pt>
                <c:pt idx="587">
                  <c:v>8.0340000000000007</c:v>
                </c:pt>
                <c:pt idx="588">
                  <c:v>8.1319999999999997</c:v>
                </c:pt>
                <c:pt idx="589">
                  <c:v>7.8140000000000001</c:v>
                </c:pt>
                <c:pt idx="590">
                  <c:v>8.1809999999999992</c:v>
                </c:pt>
                <c:pt idx="591">
                  <c:v>8.01</c:v>
                </c:pt>
                <c:pt idx="592">
                  <c:v>8.1560000000000006</c:v>
                </c:pt>
                <c:pt idx="593">
                  <c:v>7.79</c:v>
                </c:pt>
                <c:pt idx="594">
                  <c:v>8.1560000000000006</c:v>
                </c:pt>
                <c:pt idx="595">
                  <c:v>7.766</c:v>
                </c:pt>
                <c:pt idx="596">
                  <c:v>8.1809999999999992</c:v>
                </c:pt>
                <c:pt idx="597">
                  <c:v>7.79</c:v>
                </c:pt>
                <c:pt idx="598">
                  <c:v>8.0589999999999993</c:v>
                </c:pt>
                <c:pt idx="599">
                  <c:v>7.766</c:v>
                </c:pt>
                <c:pt idx="600">
                  <c:v>8.0589999999999993</c:v>
                </c:pt>
                <c:pt idx="601">
                  <c:v>7.7169999999999996</c:v>
                </c:pt>
                <c:pt idx="602">
                  <c:v>8.0830000000000002</c:v>
                </c:pt>
                <c:pt idx="603">
                  <c:v>7.7409999999999997</c:v>
                </c:pt>
                <c:pt idx="604">
                  <c:v>8.1069999999999993</c:v>
                </c:pt>
                <c:pt idx="605">
                  <c:v>7.7169999999999996</c:v>
                </c:pt>
                <c:pt idx="606">
                  <c:v>8.0830000000000002</c:v>
                </c:pt>
                <c:pt idx="607">
                  <c:v>7.7409999999999997</c:v>
                </c:pt>
                <c:pt idx="608">
                  <c:v>8.0589999999999993</c:v>
                </c:pt>
                <c:pt idx="609">
                  <c:v>7.7169999999999996</c:v>
                </c:pt>
                <c:pt idx="610">
                  <c:v>8.0340000000000007</c:v>
                </c:pt>
                <c:pt idx="611">
                  <c:v>7.7409999999999997</c:v>
                </c:pt>
                <c:pt idx="612">
                  <c:v>8.0589999999999993</c:v>
                </c:pt>
                <c:pt idx="613">
                  <c:v>7.7409999999999997</c:v>
                </c:pt>
                <c:pt idx="614">
                  <c:v>8.0830000000000002</c:v>
                </c:pt>
                <c:pt idx="615">
                  <c:v>7.6920000000000002</c:v>
                </c:pt>
                <c:pt idx="616">
                  <c:v>8.0340000000000007</c:v>
                </c:pt>
                <c:pt idx="617">
                  <c:v>7.7169999999999996</c:v>
                </c:pt>
                <c:pt idx="618">
                  <c:v>7.9850000000000003</c:v>
                </c:pt>
                <c:pt idx="619">
                  <c:v>7.6920000000000002</c:v>
                </c:pt>
                <c:pt idx="620">
                  <c:v>8.01</c:v>
                </c:pt>
                <c:pt idx="621">
                  <c:v>7.6680000000000001</c:v>
                </c:pt>
                <c:pt idx="622">
                  <c:v>7.9850000000000003</c:v>
                </c:pt>
                <c:pt idx="623">
                  <c:v>7.6429999999999998</c:v>
                </c:pt>
                <c:pt idx="624">
                  <c:v>7.79</c:v>
                </c:pt>
                <c:pt idx="625">
                  <c:v>7.6189999999999998</c:v>
                </c:pt>
                <c:pt idx="626">
                  <c:v>8.01</c:v>
                </c:pt>
                <c:pt idx="627">
                  <c:v>7.6429999999999998</c:v>
                </c:pt>
                <c:pt idx="628">
                  <c:v>7.9850000000000003</c:v>
                </c:pt>
                <c:pt idx="629">
                  <c:v>7.6680000000000001</c:v>
                </c:pt>
                <c:pt idx="630">
                  <c:v>7.8140000000000001</c:v>
                </c:pt>
                <c:pt idx="631">
                  <c:v>7.5949999999999998</c:v>
                </c:pt>
                <c:pt idx="632">
                  <c:v>7.79</c:v>
                </c:pt>
                <c:pt idx="633">
                  <c:v>7.6429999999999998</c:v>
                </c:pt>
                <c:pt idx="634">
                  <c:v>7.79</c:v>
                </c:pt>
                <c:pt idx="635">
                  <c:v>7.6189999999999998</c:v>
                </c:pt>
                <c:pt idx="636">
                  <c:v>7.766</c:v>
                </c:pt>
                <c:pt idx="637">
                  <c:v>7.6189999999999998</c:v>
                </c:pt>
                <c:pt idx="638">
                  <c:v>7.7409999999999997</c:v>
                </c:pt>
                <c:pt idx="639">
                  <c:v>7.6189999999999998</c:v>
                </c:pt>
                <c:pt idx="640">
                  <c:v>7.7169999999999996</c:v>
                </c:pt>
                <c:pt idx="641">
                  <c:v>7.57</c:v>
                </c:pt>
                <c:pt idx="642">
                  <c:v>7.6920000000000002</c:v>
                </c:pt>
                <c:pt idx="643">
                  <c:v>7.375</c:v>
                </c:pt>
                <c:pt idx="644">
                  <c:v>7.7169999999999996</c:v>
                </c:pt>
                <c:pt idx="645">
                  <c:v>7.399</c:v>
                </c:pt>
                <c:pt idx="646">
                  <c:v>7.7169999999999996</c:v>
                </c:pt>
                <c:pt idx="647">
                  <c:v>7.5949999999999998</c:v>
                </c:pt>
                <c:pt idx="648">
                  <c:v>7.7169999999999996</c:v>
                </c:pt>
                <c:pt idx="649">
                  <c:v>7.399</c:v>
                </c:pt>
                <c:pt idx="650">
                  <c:v>7.7169999999999996</c:v>
                </c:pt>
                <c:pt idx="651">
                  <c:v>7.35</c:v>
                </c:pt>
                <c:pt idx="652">
                  <c:v>7.6920000000000002</c:v>
                </c:pt>
                <c:pt idx="653">
                  <c:v>7.35</c:v>
                </c:pt>
                <c:pt idx="654">
                  <c:v>7.6429999999999998</c:v>
                </c:pt>
                <c:pt idx="655">
                  <c:v>7.35</c:v>
                </c:pt>
                <c:pt idx="656">
                  <c:v>7.6680000000000001</c:v>
                </c:pt>
                <c:pt idx="657">
                  <c:v>7.3019999999999996</c:v>
                </c:pt>
                <c:pt idx="658">
                  <c:v>7.6429999999999998</c:v>
                </c:pt>
                <c:pt idx="659">
                  <c:v>7.3019999999999996</c:v>
                </c:pt>
                <c:pt idx="660">
                  <c:v>7.6680000000000001</c:v>
                </c:pt>
                <c:pt idx="661">
                  <c:v>7.2770000000000001</c:v>
                </c:pt>
                <c:pt idx="662">
                  <c:v>7.6680000000000001</c:v>
                </c:pt>
                <c:pt idx="663">
                  <c:v>7.3019999999999996</c:v>
                </c:pt>
                <c:pt idx="664">
                  <c:v>7.6429999999999998</c:v>
                </c:pt>
                <c:pt idx="665">
                  <c:v>7.35</c:v>
                </c:pt>
                <c:pt idx="666">
                  <c:v>7.6429999999999998</c:v>
                </c:pt>
                <c:pt idx="667">
                  <c:v>7.35</c:v>
                </c:pt>
                <c:pt idx="668">
                  <c:v>7.6189999999999998</c:v>
                </c:pt>
                <c:pt idx="669">
                  <c:v>7.3019999999999996</c:v>
                </c:pt>
                <c:pt idx="670">
                  <c:v>7.6189999999999998</c:v>
                </c:pt>
                <c:pt idx="671">
                  <c:v>7.2770000000000001</c:v>
                </c:pt>
                <c:pt idx="672">
                  <c:v>7.5949999999999998</c:v>
                </c:pt>
                <c:pt idx="673">
                  <c:v>7.2279999999999998</c:v>
                </c:pt>
                <c:pt idx="674">
                  <c:v>7.6189999999999998</c:v>
                </c:pt>
                <c:pt idx="675">
                  <c:v>7.2770000000000001</c:v>
                </c:pt>
                <c:pt idx="676">
                  <c:v>7.399</c:v>
                </c:pt>
                <c:pt idx="677">
                  <c:v>7.2530000000000001</c:v>
                </c:pt>
                <c:pt idx="678">
                  <c:v>7.3259999999999996</c:v>
                </c:pt>
                <c:pt idx="679">
                  <c:v>7.2530000000000001</c:v>
                </c:pt>
                <c:pt idx="680">
                  <c:v>7.57</c:v>
                </c:pt>
                <c:pt idx="681">
                  <c:v>7.2279999999999998</c:v>
                </c:pt>
                <c:pt idx="682">
                  <c:v>7.57</c:v>
                </c:pt>
                <c:pt idx="683">
                  <c:v>7.2039999999999997</c:v>
                </c:pt>
                <c:pt idx="684">
                  <c:v>7.35</c:v>
                </c:pt>
                <c:pt idx="685">
                  <c:v>7.2279999999999998</c:v>
                </c:pt>
                <c:pt idx="686">
                  <c:v>7.35</c:v>
                </c:pt>
                <c:pt idx="687">
                  <c:v>7.0330000000000004</c:v>
                </c:pt>
                <c:pt idx="688">
                  <c:v>7.375</c:v>
                </c:pt>
                <c:pt idx="689">
                  <c:v>7.0330000000000004</c:v>
                </c:pt>
                <c:pt idx="690">
                  <c:v>7.3019999999999996</c:v>
                </c:pt>
                <c:pt idx="691">
                  <c:v>7.0090000000000003</c:v>
                </c:pt>
                <c:pt idx="692">
                  <c:v>7.3259999999999996</c:v>
                </c:pt>
                <c:pt idx="693">
                  <c:v>7.0090000000000003</c:v>
                </c:pt>
                <c:pt idx="694">
                  <c:v>7.3019999999999996</c:v>
                </c:pt>
                <c:pt idx="695">
                  <c:v>6.96</c:v>
                </c:pt>
                <c:pt idx="696">
                  <c:v>7.2770000000000001</c:v>
                </c:pt>
                <c:pt idx="697">
                  <c:v>6.984</c:v>
                </c:pt>
                <c:pt idx="698">
                  <c:v>7.35</c:v>
                </c:pt>
                <c:pt idx="699">
                  <c:v>6.9349999999999996</c:v>
                </c:pt>
                <c:pt idx="700">
                  <c:v>7.3259999999999996</c:v>
                </c:pt>
                <c:pt idx="701">
                  <c:v>6.984</c:v>
                </c:pt>
                <c:pt idx="702">
                  <c:v>7.3019999999999996</c:v>
                </c:pt>
                <c:pt idx="703">
                  <c:v>6.984</c:v>
                </c:pt>
                <c:pt idx="704">
                  <c:v>7.3019999999999996</c:v>
                </c:pt>
                <c:pt idx="705">
                  <c:v>6.96</c:v>
                </c:pt>
                <c:pt idx="706">
                  <c:v>7.3019999999999996</c:v>
                </c:pt>
                <c:pt idx="707">
                  <c:v>6.9109999999999996</c:v>
                </c:pt>
                <c:pt idx="708">
                  <c:v>7.2530000000000001</c:v>
                </c:pt>
                <c:pt idx="709">
                  <c:v>6.9109999999999996</c:v>
                </c:pt>
                <c:pt idx="710">
                  <c:v>7.2530000000000001</c:v>
                </c:pt>
                <c:pt idx="711">
                  <c:v>6.9109999999999996</c:v>
                </c:pt>
                <c:pt idx="712">
                  <c:v>7.2530000000000001</c:v>
                </c:pt>
                <c:pt idx="713">
                  <c:v>6.8860000000000001</c:v>
                </c:pt>
                <c:pt idx="714">
                  <c:v>7.0330000000000004</c:v>
                </c:pt>
                <c:pt idx="715">
                  <c:v>6.8860000000000001</c:v>
                </c:pt>
                <c:pt idx="716">
                  <c:v>7.2039999999999997</c:v>
                </c:pt>
                <c:pt idx="717">
                  <c:v>6.8620000000000001</c:v>
                </c:pt>
                <c:pt idx="718">
                  <c:v>7.2279999999999998</c:v>
                </c:pt>
                <c:pt idx="719">
                  <c:v>6.8380000000000001</c:v>
                </c:pt>
                <c:pt idx="720">
                  <c:v>7.2039999999999997</c:v>
                </c:pt>
                <c:pt idx="721">
                  <c:v>6.8620000000000001</c:v>
                </c:pt>
                <c:pt idx="722">
                  <c:v>7.2279999999999998</c:v>
                </c:pt>
                <c:pt idx="723">
                  <c:v>6.8620000000000001</c:v>
                </c:pt>
                <c:pt idx="724">
                  <c:v>7.2039999999999997</c:v>
                </c:pt>
                <c:pt idx="725">
                  <c:v>6.8380000000000001</c:v>
                </c:pt>
                <c:pt idx="726">
                  <c:v>7.1790000000000003</c:v>
                </c:pt>
                <c:pt idx="727">
                  <c:v>6.8380000000000001</c:v>
                </c:pt>
                <c:pt idx="728">
                  <c:v>7.0090000000000003</c:v>
                </c:pt>
                <c:pt idx="729">
                  <c:v>6.8129999999999997</c:v>
                </c:pt>
                <c:pt idx="730">
                  <c:v>7.2530000000000001</c:v>
                </c:pt>
                <c:pt idx="731">
                  <c:v>6.8380000000000001</c:v>
                </c:pt>
                <c:pt idx="732">
                  <c:v>6.984</c:v>
                </c:pt>
                <c:pt idx="733">
                  <c:v>6.8129999999999997</c:v>
                </c:pt>
                <c:pt idx="734">
                  <c:v>6.96</c:v>
                </c:pt>
                <c:pt idx="735">
                  <c:v>6.6420000000000003</c:v>
                </c:pt>
                <c:pt idx="736">
                  <c:v>6.96</c:v>
                </c:pt>
                <c:pt idx="737">
                  <c:v>6.593</c:v>
                </c:pt>
                <c:pt idx="738">
                  <c:v>6.96</c:v>
                </c:pt>
                <c:pt idx="739">
                  <c:v>6.593</c:v>
                </c:pt>
                <c:pt idx="740">
                  <c:v>6.8860000000000001</c:v>
                </c:pt>
                <c:pt idx="741">
                  <c:v>6.593</c:v>
                </c:pt>
                <c:pt idx="742">
                  <c:v>6.9349999999999996</c:v>
                </c:pt>
                <c:pt idx="743">
                  <c:v>6.593</c:v>
                </c:pt>
                <c:pt idx="744">
                  <c:v>6.96</c:v>
                </c:pt>
                <c:pt idx="745">
                  <c:v>6.593</c:v>
                </c:pt>
                <c:pt idx="746">
                  <c:v>6.9109999999999996</c:v>
                </c:pt>
                <c:pt idx="747">
                  <c:v>6.5449999999999999</c:v>
                </c:pt>
                <c:pt idx="748">
                  <c:v>6.8860000000000001</c:v>
                </c:pt>
                <c:pt idx="749">
                  <c:v>6.5449999999999999</c:v>
                </c:pt>
                <c:pt idx="750">
                  <c:v>6.8860000000000001</c:v>
                </c:pt>
                <c:pt idx="751">
                  <c:v>6.569</c:v>
                </c:pt>
                <c:pt idx="752">
                  <c:v>6.8860000000000001</c:v>
                </c:pt>
                <c:pt idx="753">
                  <c:v>6.569</c:v>
                </c:pt>
                <c:pt idx="754">
                  <c:v>6.8620000000000001</c:v>
                </c:pt>
                <c:pt idx="755">
                  <c:v>6.5449999999999999</c:v>
                </c:pt>
                <c:pt idx="756">
                  <c:v>6.8380000000000001</c:v>
                </c:pt>
                <c:pt idx="757">
                  <c:v>6.52</c:v>
                </c:pt>
                <c:pt idx="758">
                  <c:v>6.8620000000000001</c:v>
                </c:pt>
                <c:pt idx="759">
                  <c:v>6.52</c:v>
                </c:pt>
                <c:pt idx="760">
                  <c:v>6.8620000000000001</c:v>
                </c:pt>
                <c:pt idx="761">
                  <c:v>6.5449999999999999</c:v>
                </c:pt>
                <c:pt idx="762">
                  <c:v>6.8380000000000001</c:v>
                </c:pt>
                <c:pt idx="763">
                  <c:v>6.4710000000000001</c:v>
                </c:pt>
                <c:pt idx="764">
                  <c:v>6.8380000000000001</c:v>
                </c:pt>
                <c:pt idx="765">
                  <c:v>6.52</c:v>
                </c:pt>
                <c:pt idx="766">
                  <c:v>6.8380000000000001</c:v>
                </c:pt>
                <c:pt idx="767">
                  <c:v>6.52</c:v>
                </c:pt>
                <c:pt idx="768">
                  <c:v>6.8620000000000001</c:v>
                </c:pt>
                <c:pt idx="769">
                  <c:v>6.4710000000000001</c:v>
                </c:pt>
                <c:pt idx="770">
                  <c:v>6.8380000000000001</c:v>
                </c:pt>
                <c:pt idx="771">
                  <c:v>6.4960000000000004</c:v>
                </c:pt>
                <c:pt idx="772">
                  <c:v>6.8129999999999997</c:v>
                </c:pt>
                <c:pt idx="773">
                  <c:v>6.4710000000000001</c:v>
                </c:pt>
                <c:pt idx="774">
                  <c:v>6.8129999999999997</c:v>
                </c:pt>
                <c:pt idx="775">
                  <c:v>6.4470000000000001</c:v>
                </c:pt>
                <c:pt idx="776">
                  <c:v>6.6420000000000003</c:v>
                </c:pt>
                <c:pt idx="777">
                  <c:v>6.4710000000000001</c:v>
                </c:pt>
                <c:pt idx="778">
                  <c:v>6.593</c:v>
                </c:pt>
                <c:pt idx="779">
                  <c:v>6.4470000000000001</c:v>
                </c:pt>
                <c:pt idx="780">
                  <c:v>6.6180000000000003</c:v>
                </c:pt>
                <c:pt idx="781">
                  <c:v>6.4470000000000001</c:v>
                </c:pt>
                <c:pt idx="782">
                  <c:v>6.593</c:v>
                </c:pt>
                <c:pt idx="783">
                  <c:v>6.4219999999999997</c:v>
                </c:pt>
                <c:pt idx="784">
                  <c:v>6.569</c:v>
                </c:pt>
                <c:pt idx="785">
                  <c:v>6.4219999999999997</c:v>
                </c:pt>
                <c:pt idx="786">
                  <c:v>6.593</c:v>
                </c:pt>
                <c:pt idx="787">
                  <c:v>6.2030000000000003</c:v>
                </c:pt>
                <c:pt idx="788">
                  <c:v>6.5449999999999999</c:v>
                </c:pt>
                <c:pt idx="789">
                  <c:v>6.2030000000000003</c:v>
                </c:pt>
                <c:pt idx="790">
                  <c:v>6.5449999999999999</c:v>
                </c:pt>
                <c:pt idx="791">
                  <c:v>6.2030000000000003</c:v>
                </c:pt>
                <c:pt idx="792">
                  <c:v>6.569</c:v>
                </c:pt>
                <c:pt idx="793">
                  <c:v>6.2030000000000003</c:v>
                </c:pt>
                <c:pt idx="794">
                  <c:v>6.5449999999999999</c:v>
                </c:pt>
                <c:pt idx="795">
                  <c:v>6.2030000000000003</c:v>
                </c:pt>
                <c:pt idx="796">
                  <c:v>6.593</c:v>
                </c:pt>
                <c:pt idx="797">
                  <c:v>6.1539999999999999</c:v>
                </c:pt>
                <c:pt idx="798">
                  <c:v>6.52</c:v>
                </c:pt>
                <c:pt idx="799">
                  <c:v>6.1779999999999999</c:v>
                </c:pt>
                <c:pt idx="800">
                  <c:v>6.5449999999999999</c:v>
                </c:pt>
                <c:pt idx="801">
                  <c:v>6.2030000000000003</c:v>
                </c:pt>
                <c:pt idx="802">
                  <c:v>6.52</c:v>
                </c:pt>
                <c:pt idx="803">
                  <c:v>6.1289999999999996</c:v>
                </c:pt>
                <c:pt idx="804">
                  <c:v>6.52</c:v>
                </c:pt>
                <c:pt idx="805">
                  <c:v>6.2030000000000003</c:v>
                </c:pt>
                <c:pt idx="806">
                  <c:v>6.4960000000000004</c:v>
                </c:pt>
                <c:pt idx="807">
                  <c:v>6.1539999999999999</c:v>
                </c:pt>
                <c:pt idx="808">
                  <c:v>6.4960000000000004</c:v>
                </c:pt>
                <c:pt idx="809">
                  <c:v>6.1289999999999996</c:v>
                </c:pt>
                <c:pt idx="810">
                  <c:v>6.4960000000000004</c:v>
                </c:pt>
                <c:pt idx="811">
                  <c:v>6.1289999999999996</c:v>
                </c:pt>
                <c:pt idx="812">
                  <c:v>6.52</c:v>
                </c:pt>
                <c:pt idx="813">
                  <c:v>6.1050000000000004</c:v>
                </c:pt>
                <c:pt idx="814">
                  <c:v>6.4710000000000001</c:v>
                </c:pt>
                <c:pt idx="815">
                  <c:v>6.0810000000000004</c:v>
                </c:pt>
                <c:pt idx="816">
                  <c:v>6.2270000000000003</c:v>
                </c:pt>
                <c:pt idx="817">
                  <c:v>6.1289999999999996</c:v>
                </c:pt>
                <c:pt idx="818">
                  <c:v>6.4960000000000004</c:v>
                </c:pt>
                <c:pt idx="819">
                  <c:v>6.0810000000000004</c:v>
                </c:pt>
                <c:pt idx="820">
                  <c:v>6.4710000000000001</c:v>
                </c:pt>
                <c:pt idx="821">
                  <c:v>6.0810000000000004</c:v>
                </c:pt>
                <c:pt idx="822">
                  <c:v>6.2519999999999998</c:v>
                </c:pt>
                <c:pt idx="823">
                  <c:v>6.056</c:v>
                </c:pt>
                <c:pt idx="824">
                  <c:v>6.1779999999999999</c:v>
                </c:pt>
                <c:pt idx="825">
                  <c:v>6.1289999999999996</c:v>
                </c:pt>
                <c:pt idx="826">
                  <c:v>6.2270000000000003</c:v>
                </c:pt>
                <c:pt idx="827">
                  <c:v>6.0810000000000004</c:v>
                </c:pt>
                <c:pt idx="828">
                  <c:v>6.4710000000000001</c:v>
                </c:pt>
                <c:pt idx="829">
                  <c:v>6.0810000000000004</c:v>
                </c:pt>
                <c:pt idx="830">
                  <c:v>6.2270000000000003</c:v>
                </c:pt>
                <c:pt idx="831">
                  <c:v>6.0069999999999997</c:v>
                </c:pt>
                <c:pt idx="832">
                  <c:v>6.2270000000000003</c:v>
                </c:pt>
                <c:pt idx="833">
                  <c:v>6.056</c:v>
                </c:pt>
                <c:pt idx="834">
                  <c:v>6.2030000000000003</c:v>
                </c:pt>
                <c:pt idx="835">
                  <c:v>5.8120000000000003</c:v>
                </c:pt>
                <c:pt idx="836">
                  <c:v>6.3739999999999997</c:v>
                </c:pt>
                <c:pt idx="837">
                  <c:v>5.8120000000000003</c:v>
                </c:pt>
                <c:pt idx="838">
                  <c:v>6.1779999999999999</c:v>
                </c:pt>
                <c:pt idx="839">
                  <c:v>5.8360000000000003</c:v>
                </c:pt>
                <c:pt idx="840">
                  <c:v>6.1779999999999999</c:v>
                </c:pt>
                <c:pt idx="841">
                  <c:v>5.8360000000000003</c:v>
                </c:pt>
                <c:pt idx="842">
                  <c:v>6.1779999999999999</c:v>
                </c:pt>
                <c:pt idx="843">
                  <c:v>5.8120000000000003</c:v>
                </c:pt>
                <c:pt idx="844">
                  <c:v>6.1779999999999999</c:v>
                </c:pt>
                <c:pt idx="845">
                  <c:v>5.8120000000000003</c:v>
                </c:pt>
                <c:pt idx="846">
                  <c:v>6.1289999999999996</c:v>
                </c:pt>
                <c:pt idx="847">
                  <c:v>5.7880000000000003</c:v>
                </c:pt>
                <c:pt idx="848">
                  <c:v>6.1539999999999999</c:v>
                </c:pt>
                <c:pt idx="849">
                  <c:v>5.7629999999999999</c:v>
                </c:pt>
                <c:pt idx="850">
                  <c:v>6.1289999999999996</c:v>
                </c:pt>
                <c:pt idx="851">
                  <c:v>5.8120000000000003</c:v>
                </c:pt>
                <c:pt idx="852">
                  <c:v>6.1050000000000004</c:v>
                </c:pt>
                <c:pt idx="853">
                  <c:v>5.7629999999999999</c:v>
                </c:pt>
                <c:pt idx="854">
                  <c:v>6.1289999999999996</c:v>
                </c:pt>
                <c:pt idx="855">
                  <c:v>5.7629999999999999</c:v>
                </c:pt>
                <c:pt idx="856">
                  <c:v>6.0810000000000004</c:v>
                </c:pt>
                <c:pt idx="857">
                  <c:v>5.7629999999999999</c:v>
                </c:pt>
                <c:pt idx="858">
                  <c:v>6.1050000000000004</c:v>
                </c:pt>
                <c:pt idx="859">
                  <c:v>5.7629999999999999</c:v>
                </c:pt>
                <c:pt idx="860">
                  <c:v>6.1050000000000004</c:v>
                </c:pt>
                <c:pt idx="861">
                  <c:v>5.7880000000000003</c:v>
                </c:pt>
                <c:pt idx="862">
                  <c:v>6.1050000000000004</c:v>
                </c:pt>
                <c:pt idx="863">
                  <c:v>5.7389999999999999</c:v>
                </c:pt>
                <c:pt idx="864">
                  <c:v>6.0810000000000004</c:v>
                </c:pt>
                <c:pt idx="865">
                  <c:v>5.7629999999999999</c:v>
                </c:pt>
                <c:pt idx="866">
                  <c:v>6.1050000000000004</c:v>
                </c:pt>
                <c:pt idx="867">
                  <c:v>5.7629999999999999</c:v>
                </c:pt>
                <c:pt idx="868">
                  <c:v>6.056</c:v>
                </c:pt>
                <c:pt idx="869">
                  <c:v>5.7389999999999999</c:v>
                </c:pt>
                <c:pt idx="870">
                  <c:v>6.056</c:v>
                </c:pt>
                <c:pt idx="871">
                  <c:v>5.7140000000000004</c:v>
                </c:pt>
                <c:pt idx="872">
                  <c:v>6.056</c:v>
                </c:pt>
                <c:pt idx="873">
                  <c:v>5.7140000000000004</c:v>
                </c:pt>
                <c:pt idx="874">
                  <c:v>6.032</c:v>
                </c:pt>
                <c:pt idx="875">
                  <c:v>5.69</c:v>
                </c:pt>
                <c:pt idx="876">
                  <c:v>6.056</c:v>
                </c:pt>
                <c:pt idx="877">
                  <c:v>5.69</c:v>
                </c:pt>
                <c:pt idx="878">
                  <c:v>5.8360000000000003</c:v>
                </c:pt>
                <c:pt idx="879">
                  <c:v>5.69</c:v>
                </c:pt>
                <c:pt idx="880">
                  <c:v>5.8360000000000003</c:v>
                </c:pt>
                <c:pt idx="881">
                  <c:v>5.7140000000000004</c:v>
                </c:pt>
                <c:pt idx="882">
                  <c:v>5.8609999999999998</c:v>
                </c:pt>
                <c:pt idx="883">
                  <c:v>5.7140000000000004</c:v>
                </c:pt>
                <c:pt idx="884">
                  <c:v>5.8609999999999998</c:v>
                </c:pt>
                <c:pt idx="885">
                  <c:v>5.665</c:v>
                </c:pt>
                <c:pt idx="886">
                  <c:v>6.056</c:v>
                </c:pt>
                <c:pt idx="887">
                  <c:v>5.641</c:v>
                </c:pt>
                <c:pt idx="888">
                  <c:v>5.8360000000000003</c:v>
                </c:pt>
                <c:pt idx="889">
                  <c:v>5.7140000000000004</c:v>
                </c:pt>
                <c:pt idx="890">
                  <c:v>5.8120000000000003</c:v>
                </c:pt>
                <c:pt idx="891">
                  <c:v>5.47</c:v>
                </c:pt>
                <c:pt idx="892">
                  <c:v>5.8360000000000003</c:v>
                </c:pt>
                <c:pt idx="893">
                  <c:v>5.665</c:v>
                </c:pt>
                <c:pt idx="894">
                  <c:v>5.8120000000000003</c:v>
                </c:pt>
                <c:pt idx="895">
                  <c:v>5.47</c:v>
                </c:pt>
                <c:pt idx="896">
                  <c:v>5.8120000000000003</c:v>
                </c:pt>
                <c:pt idx="897">
                  <c:v>5.47</c:v>
                </c:pt>
                <c:pt idx="898">
                  <c:v>5.7629999999999999</c:v>
                </c:pt>
                <c:pt idx="899">
                  <c:v>5.4459999999999997</c:v>
                </c:pt>
                <c:pt idx="900">
                  <c:v>5.7880000000000003</c:v>
                </c:pt>
                <c:pt idx="901">
                  <c:v>5.4459999999999997</c:v>
                </c:pt>
                <c:pt idx="902">
                  <c:v>5.8120000000000003</c:v>
                </c:pt>
                <c:pt idx="903">
                  <c:v>5.4210000000000003</c:v>
                </c:pt>
                <c:pt idx="904">
                  <c:v>5.7629999999999999</c:v>
                </c:pt>
                <c:pt idx="905">
                  <c:v>5.3970000000000002</c:v>
                </c:pt>
                <c:pt idx="906">
                  <c:v>5.7880000000000003</c:v>
                </c:pt>
                <c:pt idx="907">
                  <c:v>5.4210000000000003</c:v>
                </c:pt>
                <c:pt idx="908">
                  <c:v>5.7389999999999999</c:v>
                </c:pt>
                <c:pt idx="909">
                  <c:v>5.3719999999999999</c:v>
                </c:pt>
                <c:pt idx="910">
                  <c:v>5.7389999999999999</c:v>
                </c:pt>
                <c:pt idx="911">
                  <c:v>5.3719999999999999</c:v>
                </c:pt>
                <c:pt idx="912">
                  <c:v>5.7140000000000004</c:v>
                </c:pt>
                <c:pt idx="913">
                  <c:v>5.3970000000000002</c:v>
                </c:pt>
                <c:pt idx="914">
                  <c:v>5.7880000000000003</c:v>
                </c:pt>
                <c:pt idx="915">
                  <c:v>5.3719999999999999</c:v>
                </c:pt>
                <c:pt idx="916">
                  <c:v>5.7629999999999999</c:v>
                </c:pt>
                <c:pt idx="917">
                  <c:v>5.3719999999999999</c:v>
                </c:pt>
                <c:pt idx="918">
                  <c:v>5.69</c:v>
                </c:pt>
                <c:pt idx="919">
                  <c:v>5.3239999999999998</c:v>
                </c:pt>
                <c:pt idx="920">
                  <c:v>5.7389999999999999</c:v>
                </c:pt>
                <c:pt idx="921">
                  <c:v>5.3479999999999999</c:v>
                </c:pt>
                <c:pt idx="922">
                  <c:v>5.7140000000000004</c:v>
                </c:pt>
                <c:pt idx="923">
                  <c:v>5.3479999999999999</c:v>
                </c:pt>
                <c:pt idx="924">
                  <c:v>5.69</c:v>
                </c:pt>
                <c:pt idx="925">
                  <c:v>5.3479999999999999</c:v>
                </c:pt>
                <c:pt idx="926">
                  <c:v>5.69</c:v>
                </c:pt>
                <c:pt idx="927">
                  <c:v>5.2990000000000004</c:v>
                </c:pt>
                <c:pt idx="928">
                  <c:v>5.665</c:v>
                </c:pt>
                <c:pt idx="929">
                  <c:v>5.2750000000000004</c:v>
                </c:pt>
                <c:pt idx="930">
                  <c:v>5.69</c:v>
                </c:pt>
                <c:pt idx="931">
                  <c:v>5.2990000000000004</c:v>
                </c:pt>
                <c:pt idx="932">
                  <c:v>5.665</c:v>
                </c:pt>
                <c:pt idx="933">
                  <c:v>5.2990000000000004</c:v>
                </c:pt>
                <c:pt idx="934">
                  <c:v>5.641</c:v>
                </c:pt>
                <c:pt idx="935">
                  <c:v>5.2990000000000004</c:v>
                </c:pt>
                <c:pt idx="936">
                  <c:v>5.69</c:v>
                </c:pt>
                <c:pt idx="937">
                  <c:v>5.3479999999999999</c:v>
                </c:pt>
                <c:pt idx="938">
                  <c:v>5.69</c:v>
                </c:pt>
                <c:pt idx="939">
                  <c:v>5.3239999999999998</c:v>
                </c:pt>
                <c:pt idx="940">
                  <c:v>5.641</c:v>
                </c:pt>
                <c:pt idx="941">
                  <c:v>5.3239999999999998</c:v>
                </c:pt>
                <c:pt idx="942">
                  <c:v>5.641</c:v>
                </c:pt>
                <c:pt idx="943">
                  <c:v>5.2750000000000004</c:v>
                </c:pt>
                <c:pt idx="944">
                  <c:v>5.4459999999999997</c:v>
                </c:pt>
                <c:pt idx="945">
                  <c:v>5.0309999999999997</c:v>
                </c:pt>
                <c:pt idx="946">
                  <c:v>5.4459999999999997</c:v>
                </c:pt>
                <c:pt idx="947">
                  <c:v>5.2750000000000004</c:v>
                </c:pt>
                <c:pt idx="948">
                  <c:v>5.3719999999999999</c:v>
                </c:pt>
                <c:pt idx="949">
                  <c:v>5.0309999999999997</c:v>
                </c:pt>
                <c:pt idx="950">
                  <c:v>5.4210000000000003</c:v>
                </c:pt>
                <c:pt idx="951">
                  <c:v>5.0309999999999997</c:v>
                </c:pt>
                <c:pt idx="952">
                  <c:v>5.4210000000000003</c:v>
                </c:pt>
                <c:pt idx="953">
                  <c:v>5.0549999999999997</c:v>
                </c:pt>
                <c:pt idx="954">
                  <c:v>5.3479999999999999</c:v>
                </c:pt>
                <c:pt idx="955">
                  <c:v>5.0060000000000002</c:v>
                </c:pt>
                <c:pt idx="956">
                  <c:v>5.3719999999999999</c:v>
                </c:pt>
                <c:pt idx="957">
                  <c:v>4.9820000000000002</c:v>
                </c:pt>
                <c:pt idx="958">
                  <c:v>5.3719999999999999</c:v>
                </c:pt>
                <c:pt idx="959">
                  <c:v>5.0549999999999997</c:v>
                </c:pt>
                <c:pt idx="960">
                  <c:v>5.3970000000000002</c:v>
                </c:pt>
                <c:pt idx="961">
                  <c:v>5.0060000000000002</c:v>
                </c:pt>
                <c:pt idx="962">
                  <c:v>5.3479999999999999</c:v>
                </c:pt>
                <c:pt idx="963">
                  <c:v>5.0060000000000002</c:v>
                </c:pt>
                <c:pt idx="964">
                  <c:v>5.3719999999999999</c:v>
                </c:pt>
                <c:pt idx="965">
                  <c:v>4.9569999999999999</c:v>
                </c:pt>
                <c:pt idx="966">
                  <c:v>5.3970000000000002</c:v>
                </c:pt>
                <c:pt idx="967">
                  <c:v>5.0060000000000002</c:v>
                </c:pt>
                <c:pt idx="968">
                  <c:v>5.3239999999999998</c:v>
                </c:pt>
                <c:pt idx="969">
                  <c:v>4.9569999999999999</c:v>
                </c:pt>
                <c:pt idx="970">
                  <c:v>5.2990000000000004</c:v>
                </c:pt>
                <c:pt idx="971">
                  <c:v>4.9820000000000002</c:v>
                </c:pt>
                <c:pt idx="972">
                  <c:v>5.2990000000000004</c:v>
                </c:pt>
                <c:pt idx="973">
                  <c:v>4.9820000000000002</c:v>
                </c:pt>
                <c:pt idx="974">
                  <c:v>5.2990000000000004</c:v>
                </c:pt>
                <c:pt idx="975">
                  <c:v>4.9329999999999998</c:v>
                </c:pt>
                <c:pt idx="976">
                  <c:v>5.2750000000000004</c:v>
                </c:pt>
                <c:pt idx="977">
                  <c:v>4.8840000000000003</c:v>
                </c:pt>
                <c:pt idx="978">
                  <c:v>5.2750000000000004</c:v>
                </c:pt>
                <c:pt idx="979">
                  <c:v>4.9569999999999999</c:v>
                </c:pt>
                <c:pt idx="980">
                  <c:v>5.25</c:v>
                </c:pt>
                <c:pt idx="981">
                  <c:v>4.9329999999999998</c:v>
                </c:pt>
                <c:pt idx="982">
                  <c:v>5.2990000000000004</c:v>
                </c:pt>
                <c:pt idx="983">
                  <c:v>4.9569999999999999</c:v>
                </c:pt>
                <c:pt idx="984">
                  <c:v>5.2990000000000004</c:v>
                </c:pt>
                <c:pt idx="985">
                  <c:v>4.9569999999999999</c:v>
                </c:pt>
                <c:pt idx="986">
                  <c:v>5.25</c:v>
                </c:pt>
                <c:pt idx="987">
                  <c:v>4.9569999999999999</c:v>
                </c:pt>
                <c:pt idx="988">
                  <c:v>5.3479999999999999</c:v>
                </c:pt>
                <c:pt idx="989">
                  <c:v>4.9569999999999999</c:v>
                </c:pt>
                <c:pt idx="990">
                  <c:v>5.3479999999999999</c:v>
                </c:pt>
                <c:pt idx="991">
                  <c:v>4.9569999999999999</c:v>
                </c:pt>
                <c:pt idx="992">
                  <c:v>5.3239999999999998</c:v>
                </c:pt>
                <c:pt idx="993">
                  <c:v>4.9820000000000002</c:v>
                </c:pt>
                <c:pt idx="994">
                  <c:v>5.2990000000000004</c:v>
                </c:pt>
                <c:pt idx="995">
                  <c:v>4.9329999999999998</c:v>
                </c:pt>
                <c:pt idx="996">
                  <c:v>5.3239999999999998</c:v>
                </c:pt>
                <c:pt idx="997">
                  <c:v>4.9080000000000004</c:v>
                </c:pt>
                <c:pt idx="998">
                  <c:v>5.3239999999999998</c:v>
                </c:pt>
                <c:pt idx="999">
                  <c:v>4.9329999999999998</c:v>
                </c:pt>
                <c:pt idx="1000">
                  <c:v>5.2750000000000004</c:v>
                </c:pt>
                <c:pt idx="1001">
                  <c:v>4.9329999999999998</c:v>
                </c:pt>
                <c:pt idx="1002">
                  <c:v>5.0549999999999997</c:v>
                </c:pt>
                <c:pt idx="1003">
                  <c:v>4.6890000000000001</c:v>
                </c:pt>
                <c:pt idx="1004">
                  <c:v>5.0549999999999997</c:v>
                </c:pt>
                <c:pt idx="1005">
                  <c:v>4.8840000000000003</c:v>
                </c:pt>
                <c:pt idx="1006">
                  <c:v>5.0060000000000002</c:v>
                </c:pt>
                <c:pt idx="1007">
                  <c:v>4.8600000000000003</c:v>
                </c:pt>
                <c:pt idx="1008">
                  <c:v>5.0309999999999997</c:v>
                </c:pt>
                <c:pt idx="1009">
                  <c:v>4.8600000000000003</c:v>
                </c:pt>
                <c:pt idx="1010">
                  <c:v>5.0549999999999997</c:v>
                </c:pt>
                <c:pt idx="1011">
                  <c:v>4.8600000000000003</c:v>
                </c:pt>
                <c:pt idx="1012">
                  <c:v>5.0309999999999997</c:v>
                </c:pt>
                <c:pt idx="1013">
                  <c:v>4.8840000000000003</c:v>
                </c:pt>
                <c:pt idx="1014">
                  <c:v>5.226</c:v>
                </c:pt>
                <c:pt idx="1015">
                  <c:v>4.6399999999999997</c:v>
                </c:pt>
                <c:pt idx="1016">
                  <c:v>5.0549999999999997</c:v>
                </c:pt>
                <c:pt idx="1017">
                  <c:v>4.6639999999999997</c:v>
                </c:pt>
                <c:pt idx="1018">
                  <c:v>5.0309999999999997</c:v>
                </c:pt>
                <c:pt idx="1019">
                  <c:v>4.6890000000000001</c:v>
                </c:pt>
                <c:pt idx="1020">
                  <c:v>5.0309999999999997</c:v>
                </c:pt>
                <c:pt idx="1021">
                  <c:v>4.6399999999999997</c:v>
                </c:pt>
                <c:pt idx="1022">
                  <c:v>4.9820000000000002</c:v>
                </c:pt>
                <c:pt idx="1023">
                  <c:v>4.6399999999999997</c:v>
                </c:pt>
                <c:pt idx="1024">
                  <c:v>5.0060000000000002</c:v>
                </c:pt>
                <c:pt idx="1025">
                  <c:v>4.6150000000000002</c:v>
                </c:pt>
                <c:pt idx="1026">
                  <c:v>5.0309999999999997</c:v>
                </c:pt>
                <c:pt idx="1027">
                  <c:v>4.5910000000000002</c:v>
                </c:pt>
                <c:pt idx="1028">
                  <c:v>4.9569999999999999</c:v>
                </c:pt>
                <c:pt idx="1029">
                  <c:v>4.6399999999999997</c:v>
                </c:pt>
                <c:pt idx="1030">
                  <c:v>5.0060000000000002</c:v>
                </c:pt>
                <c:pt idx="1031">
                  <c:v>4.6150000000000002</c:v>
                </c:pt>
                <c:pt idx="1032">
                  <c:v>4.9820000000000002</c:v>
                </c:pt>
                <c:pt idx="1033">
                  <c:v>4.6399999999999997</c:v>
                </c:pt>
                <c:pt idx="1034">
                  <c:v>4.9820000000000002</c:v>
                </c:pt>
                <c:pt idx="1035">
                  <c:v>4.6150000000000002</c:v>
                </c:pt>
                <c:pt idx="1036">
                  <c:v>4.9329999999999998</c:v>
                </c:pt>
                <c:pt idx="1037">
                  <c:v>4.5910000000000002</c:v>
                </c:pt>
                <c:pt idx="1038">
                  <c:v>4.9329999999999998</c:v>
                </c:pt>
                <c:pt idx="1039">
                  <c:v>4.5910000000000002</c:v>
                </c:pt>
                <c:pt idx="1040">
                  <c:v>4.9569999999999999</c:v>
                </c:pt>
                <c:pt idx="1041">
                  <c:v>4.5910000000000002</c:v>
                </c:pt>
                <c:pt idx="1042">
                  <c:v>4.9820000000000002</c:v>
                </c:pt>
                <c:pt idx="1043">
                  <c:v>4.5670000000000002</c:v>
                </c:pt>
                <c:pt idx="1044">
                  <c:v>4.9080000000000004</c:v>
                </c:pt>
                <c:pt idx="1045">
                  <c:v>4.5419999999999998</c:v>
                </c:pt>
                <c:pt idx="1046">
                  <c:v>4.9569999999999999</c:v>
                </c:pt>
                <c:pt idx="1047">
                  <c:v>4.5670000000000002</c:v>
                </c:pt>
                <c:pt idx="1048">
                  <c:v>4.9569999999999999</c:v>
                </c:pt>
                <c:pt idx="1049">
                  <c:v>4.5910000000000002</c:v>
                </c:pt>
                <c:pt idx="1050">
                  <c:v>4.9080000000000004</c:v>
                </c:pt>
                <c:pt idx="1051">
                  <c:v>4.5179999999999998</c:v>
                </c:pt>
                <c:pt idx="1052">
                  <c:v>4.9329999999999998</c:v>
                </c:pt>
                <c:pt idx="1053">
                  <c:v>4.5419999999999998</c:v>
                </c:pt>
                <c:pt idx="1054">
                  <c:v>4.9080000000000004</c:v>
                </c:pt>
                <c:pt idx="1055">
                  <c:v>4.4930000000000003</c:v>
                </c:pt>
                <c:pt idx="1056">
                  <c:v>4.9080000000000004</c:v>
                </c:pt>
                <c:pt idx="1057">
                  <c:v>4.5419999999999998</c:v>
                </c:pt>
                <c:pt idx="1058">
                  <c:v>4.9080000000000004</c:v>
                </c:pt>
                <c:pt idx="1059">
                  <c:v>4.5419999999999998</c:v>
                </c:pt>
                <c:pt idx="1060">
                  <c:v>4.8840000000000003</c:v>
                </c:pt>
                <c:pt idx="1061">
                  <c:v>4.4930000000000003</c:v>
                </c:pt>
                <c:pt idx="1062">
                  <c:v>4.8600000000000003</c:v>
                </c:pt>
                <c:pt idx="1063">
                  <c:v>4.4930000000000003</c:v>
                </c:pt>
                <c:pt idx="1064">
                  <c:v>4.8600000000000003</c:v>
                </c:pt>
                <c:pt idx="1065">
                  <c:v>4.5179999999999998</c:v>
                </c:pt>
                <c:pt idx="1066">
                  <c:v>4.8600000000000003</c:v>
                </c:pt>
                <c:pt idx="1067">
                  <c:v>4.274</c:v>
                </c:pt>
                <c:pt idx="1068">
                  <c:v>4.8840000000000003</c:v>
                </c:pt>
                <c:pt idx="1069">
                  <c:v>4.298</c:v>
                </c:pt>
                <c:pt idx="1070">
                  <c:v>4.8600000000000003</c:v>
                </c:pt>
                <c:pt idx="1071">
                  <c:v>4.274</c:v>
                </c:pt>
                <c:pt idx="1072">
                  <c:v>4.6890000000000001</c:v>
                </c:pt>
                <c:pt idx="1073">
                  <c:v>4.298</c:v>
                </c:pt>
                <c:pt idx="1074">
                  <c:v>4.8600000000000003</c:v>
                </c:pt>
                <c:pt idx="1075">
                  <c:v>4.2489999999999997</c:v>
                </c:pt>
                <c:pt idx="1076">
                  <c:v>4.8840000000000003</c:v>
                </c:pt>
                <c:pt idx="1077">
                  <c:v>4.298</c:v>
                </c:pt>
                <c:pt idx="1078">
                  <c:v>4.6890000000000001</c:v>
                </c:pt>
                <c:pt idx="1079">
                  <c:v>4.298</c:v>
                </c:pt>
                <c:pt idx="1080">
                  <c:v>4.6399999999999997</c:v>
                </c:pt>
                <c:pt idx="1081">
                  <c:v>4.4930000000000003</c:v>
                </c:pt>
                <c:pt idx="1082">
                  <c:v>4.6639999999999997</c:v>
                </c:pt>
                <c:pt idx="1083">
                  <c:v>4.2489999999999997</c:v>
                </c:pt>
                <c:pt idx="1084">
                  <c:v>4.6150000000000002</c:v>
                </c:pt>
                <c:pt idx="1085">
                  <c:v>4.298</c:v>
                </c:pt>
                <c:pt idx="1086">
                  <c:v>4.6150000000000002</c:v>
                </c:pt>
                <c:pt idx="1087">
                  <c:v>4.298</c:v>
                </c:pt>
                <c:pt idx="1088">
                  <c:v>4.6399999999999997</c:v>
                </c:pt>
                <c:pt idx="1089">
                  <c:v>4.2</c:v>
                </c:pt>
                <c:pt idx="1090">
                  <c:v>4.5670000000000002</c:v>
                </c:pt>
                <c:pt idx="1091">
                  <c:v>4.2489999999999997</c:v>
                </c:pt>
                <c:pt idx="1092">
                  <c:v>4.6150000000000002</c:v>
                </c:pt>
                <c:pt idx="1093">
                  <c:v>4.274</c:v>
                </c:pt>
                <c:pt idx="1094">
                  <c:v>4.5910000000000002</c:v>
                </c:pt>
                <c:pt idx="1095">
                  <c:v>4.2489999999999997</c:v>
                </c:pt>
                <c:pt idx="1096">
                  <c:v>4.5910000000000002</c:v>
                </c:pt>
                <c:pt idx="1097">
                  <c:v>4.2489999999999997</c:v>
                </c:pt>
                <c:pt idx="1098">
                  <c:v>4.6150000000000002</c:v>
                </c:pt>
                <c:pt idx="1099">
                  <c:v>4.2</c:v>
                </c:pt>
                <c:pt idx="1100">
                  <c:v>4.5670000000000002</c:v>
                </c:pt>
                <c:pt idx="1101">
                  <c:v>4.2</c:v>
                </c:pt>
                <c:pt idx="1102">
                  <c:v>4.5670000000000002</c:v>
                </c:pt>
                <c:pt idx="1103">
                  <c:v>4.2249999999999996</c:v>
                </c:pt>
                <c:pt idx="1104">
                  <c:v>4.6150000000000002</c:v>
                </c:pt>
                <c:pt idx="1105">
                  <c:v>4.2</c:v>
                </c:pt>
                <c:pt idx="1106">
                  <c:v>4.6150000000000002</c:v>
                </c:pt>
                <c:pt idx="1107">
                  <c:v>4.1760000000000002</c:v>
                </c:pt>
                <c:pt idx="1108">
                  <c:v>4.5670000000000002</c:v>
                </c:pt>
                <c:pt idx="1109">
                  <c:v>4.2</c:v>
                </c:pt>
                <c:pt idx="1110">
                  <c:v>4.5670000000000002</c:v>
                </c:pt>
                <c:pt idx="1111">
                  <c:v>4.1269999999999998</c:v>
                </c:pt>
                <c:pt idx="1112">
                  <c:v>4.5670000000000002</c:v>
                </c:pt>
                <c:pt idx="1113">
                  <c:v>4.2</c:v>
                </c:pt>
                <c:pt idx="1114">
                  <c:v>4.5419999999999998</c:v>
                </c:pt>
                <c:pt idx="1115">
                  <c:v>4.2</c:v>
                </c:pt>
                <c:pt idx="1116">
                  <c:v>4.5419999999999998</c:v>
                </c:pt>
                <c:pt idx="1117">
                  <c:v>4.1760000000000002</c:v>
                </c:pt>
                <c:pt idx="1118">
                  <c:v>4.5179999999999998</c:v>
                </c:pt>
                <c:pt idx="1119">
                  <c:v>4.1760000000000002</c:v>
                </c:pt>
                <c:pt idx="1120">
                  <c:v>4.5179999999999998</c:v>
                </c:pt>
                <c:pt idx="1121">
                  <c:v>4.1509999999999998</c:v>
                </c:pt>
                <c:pt idx="1122">
                  <c:v>4.5179999999999998</c:v>
                </c:pt>
                <c:pt idx="1123">
                  <c:v>4.1760000000000002</c:v>
                </c:pt>
                <c:pt idx="1124">
                  <c:v>4.5179999999999998</c:v>
                </c:pt>
                <c:pt idx="1125">
                  <c:v>4.2</c:v>
                </c:pt>
                <c:pt idx="1126">
                  <c:v>4.5419999999999998</c:v>
                </c:pt>
                <c:pt idx="1127">
                  <c:v>4.1029999999999998</c:v>
                </c:pt>
                <c:pt idx="1128">
                  <c:v>4.5670000000000002</c:v>
                </c:pt>
                <c:pt idx="1129">
                  <c:v>4.1509999999999998</c:v>
                </c:pt>
                <c:pt idx="1130">
                  <c:v>4.5179999999999998</c:v>
                </c:pt>
                <c:pt idx="1131">
                  <c:v>4.1269999999999998</c:v>
                </c:pt>
                <c:pt idx="1132">
                  <c:v>4.4690000000000003</c:v>
                </c:pt>
                <c:pt idx="1133">
                  <c:v>4.1269999999999998</c:v>
                </c:pt>
                <c:pt idx="1134">
                  <c:v>4.4690000000000003</c:v>
                </c:pt>
                <c:pt idx="1135">
                  <c:v>4.1509999999999998</c:v>
                </c:pt>
                <c:pt idx="1136">
                  <c:v>4.4930000000000003</c:v>
                </c:pt>
                <c:pt idx="1137">
                  <c:v>4.0780000000000003</c:v>
                </c:pt>
                <c:pt idx="1138">
                  <c:v>4.4930000000000003</c:v>
                </c:pt>
                <c:pt idx="1139">
                  <c:v>4.1029999999999998</c:v>
                </c:pt>
                <c:pt idx="1140">
                  <c:v>4.4690000000000003</c:v>
                </c:pt>
                <c:pt idx="1141">
                  <c:v>4.1029999999999998</c:v>
                </c:pt>
                <c:pt idx="1142">
                  <c:v>4.298</c:v>
                </c:pt>
                <c:pt idx="1143">
                  <c:v>4.1029999999999998</c:v>
                </c:pt>
                <c:pt idx="1144">
                  <c:v>4.4690000000000003</c:v>
                </c:pt>
                <c:pt idx="1145">
                  <c:v>3.8580000000000001</c:v>
                </c:pt>
                <c:pt idx="1146">
                  <c:v>4.274</c:v>
                </c:pt>
                <c:pt idx="1147">
                  <c:v>4.0780000000000003</c:v>
                </c:pt>
                <c:pt idx="1148">
                  <c:v>4.274</c:v>
                </c:pt>
                <c:pt idx="1149">
                  <c:v>4.0540000000000003</c:v>
                </c:pt>
                <c:pt idx="1150">
                  <c:v>4.274</c:v>
                </c:pt>
                <c:pt idx="1151">
                  <c:v>3.907</c:v>
                </c:pt>
                <c:pt idx="1152">
                  <c:v>4.274</c:v>
                </c:pt>
                <c:pt idx="1153">
                  <c:v>4.0540000000000003</c:v>
                </c:pt>
                <c:pt idx="1154">
                  <c:v>4.274</c:v>
                </c:pt>
                <c:pt idx="1155">
                  <c:v>3.907</c:v>
                </c:pt>
                <c:pt idx="1156">
                  <c:v>4.274</c:v>
                </c:pt>
                <c:pt idx="1157">
                  <c:v>3.883</c:v>
                </c:pt>
                <c:pt idx="1158">
                  <c:v>4.2489999999999997</c:v>
                </c:pt>
                <c:pt idx="1159">
                  <c:v>3.8580000000000001</c:v>
                </c:pt>
                <c:pt idx="1160">
                  <c:v>4.2489999999999997</c:v>
                </c:pt>
                <c:pt idx="1161">
                  <c:v>3.883</c:v>
                </c:pt>
                <c:pt idx="1162">
                  <c:v>4.274</c:v>
                </c:pt>
                <c:pt idx="1163">
                  <c:v>3.883</c:v>
                </c:pt>
                <c:pt idx="1164">
                  <c:v>4.2249999999999996</c:v>
                </c:pt>
                <c:pt idx="1165">
                  <c:v>3.8580000000000001</c:v>
                </c:pt>
                <c:pt idx="1166">
                  <c:v>4.274</c:v>
                </c:pt>
                <c:pt idx="1167">
                  <c:v>3.8580000000000001</c:v>
                </c:pt>
                <c:pt idx="1168">
                  <c:v>4.2249999999999996</c:v>
                </c:pt>
                <c:pt idx="1169">
                  <c:v>3.81</c:v>
                </c:pt>
                <c:pt idx="1170">
                  <c:v>4.2249999999999996</c:v>
                </c:pt>
                <c:pt idx="1171">
                  <c:v>3.8340000000000001</c:v>
                </c:pt>
                <c:pt idx="1172">
                  <c:v>4.2489999999999997</c:v>
                </c:pt>
                <c:pt idx="1173">
                  <c:v>3.8340000000000001</c:v>
                </c:pt>
                <c:pt idx="1174">
                  <c:v>4.2</c:v>
                </c:pt>
                <c:pt idx="1175">
                  <c:v>3.8340000000000001</c:v>
                </c:pt>
                <c:pt idx="1176">
                  <c:v>4.2249999999999996</c:v>
                </c:pt>
                <c:pt idx="1177">
                  <c:v>3.81</c:v>
                </c:pt>
                <c:pt idx="1178">
                  <c:v>4.2</c:v>
                </c:pt>
                <c:pt idx="1179">
                  <c:v>3.7850000000000001</c:v>
                </c:pt>
                <c:pt idx="1180">
                  <c:v>4.2</c:v>
                </c:pt>
                <c:pt idx="1181">
                  <c:v>3.81</c:v>
                </c:pt>
                <c:pt idx="1182">
                  <c:v>4.2249999999999996</c:v>
                </c:pt>
                <c:pt idx="1183">
                  <c:v>3.8340000000000001</c:v>
                </c:pt>
                <c:pt idx="1184">
                  <c:v>4.1509999999999998</c:v>
                </c:pt>
                <c:pt idx="1185">
                  <c:v>3.81</c:v>
                </c:pt>
                <c:pt idx="1186">
                  <c:v>4.1760000000000002</c:v>
                </c:pt>
                <c:pt idx="1187">
                  <c:v>3.81</c:v>
                </c:pt>
                <c:pt idx="1188">
                  <c:v>4.2</c:v>
                </c:pt>
                <c:pt idx="1189">
                  <c:v>3.81</c:v>
                </c:pt>
                <c:pt idx="1190">
                  <c:v>4.1760000000000002</c:v>
                </c:pt>
                <c:pt idx="1191">
                  <c:v>3.7360000000000002</c:v>
                </c:pt>
                <c:pt idx="1192">
                  <c:v>4.2249999999999996</c:v>
                </c:pt>
                <c:pt idx="1193">
                  <c:v>3.81</c:v>
                </c:pt>
                <c:pt idx="1194">
                  <c:v>4.1760000000000002</c:v>
                </c:pt>
                <c:pt idx="1195">
                  <c:v>3.7850000000000001</c:v>
                </c:pt>
                <c:pt idx="1196">
                  <c:v>4.1269999999999998</c:v>
                </c:pt>
                <c:pt idx="1197">
                  <c:v>3.7610000000000001</c:v>
                </c:pt>
                <c:pt idx="1198">
                  <c:v>4.1760000000000002</c:v>
                </c:pt>
                <c:pt idx="1199">
                  <c:v>3.7610000000000001</c:v>
                </c:pt>
                <c:pt idx="1200">
                  <c:v>4.1760000000000002</c:v>
                </c:pt>
                <c:pt idx="1201">
                  <c:v>3.81</c:v>
                </c:pt>
                <c:pt idx="1202">
                  <c:v>4.1029999999999998</c:v>
                </c:pt>
                <c:pt idx="1203">
                  <c:v>3.81</c:v>
                </c:pt>
                <c:pt idx="1204">
                  <c:v>4.1509999999999998</c:v>
                </c:pt>
                <c:pt idx="1205">
                  <c:v>3.7850000000000001</c:v>
                </c:pt>
                <c:pt idx="1206">
                  <c:v>4.1269999999999998</c:v>
                </c:pt>
                <c:pt idx="1207">
                  <c:v>3.7610000000000001</c:v>
                </c:pt>
                <c:pt idx="1208">
                  <c:v>4.1509999999999998</c:v>
                </c:pt>
                <c:pt idx="1209">
                  <c:v>3.7360000000000002</c:v>
                </c:pt>
                <c:pt idx="1210">
                  <c:v>4.1029999999999998</c:v>
                </c:pt>
                <c:pt idx="1211">
                  <c:v>3.7610000000000001</c:v>
                </c:pt>
                <c:pt idx="1212">
                  <c:v>4.0780000000000003</c:v>
                </c:pt>
                <c:pt idx="1213">
                  <c:v>3.6869999999999998</c:v>
                </c:pt>
                <c:pt idx="1214">
                  <c:v>4.1029999999999998</c:v>
                </c:pt>
                <c:pt idx="1215">
                  <c:v>3.7360000000000002</c:v>
                </c:pt>
                <c:pt idx="1216">
                  <c:v>4.0780000000000003</c:v>
                </c:pt>
                <c:pt idx="1217">
                  <c:v>3.7360000000000002</c:v>
                </c:pt>
                <c:pt idx="1218">
                  <c:v>4.1509999999999998</c:v>
                </c:pt>
                <c:pt idx="1219">
                  <c:v>3.7360000000000002</c:v>
                </c:pt>
                <c:pt idx="1220">
                  <c:v>4.0780000000000003</c:v>
                </c:pt>
                <c:pt idx="1221">
                  <c:v>3.7120000000000002</c:v>
                </c:pt>
                <c:pt idx="1222">
                  <c:v>4.1029999999999998</c:v>
                </c:pt>
                <c:pt idx="1223">
                  <c:v>3.7120000000000002</c:v>
                </c:pt>
                <c:pt idx="1224">
                  <c:v>4.1029999999999998</c:v>
                </c:pt>
                <c:pt idx="1225">
                  <c:v>3.7120000000000002</c:v>
                </c:pt>
                <c:pt idx="1226">
                  <c:v>4.1029999999999998</c:v>
                </c:pt>
                <c:pt idx="1227">
                  <c:v>3.6869999999999998</c:v>
                </c:pt>
                <c:pt idx="1228">
                  <c:v>3.883</c:v>
                </c:pt>
                <c:pt idx="1229">
                  <c:v>3.7120000000000002</c:v>
                </c:pt>
                <c:pt idx="1230">
                  <c:v>4.1269999999999998</c:v>
                </c:pt>
                <c:pt idx="1231">
                  <c:v>3.516</c:v>
                </c:pt>
                <c:pt idx="1232">
                  <c:v>3.883</c:v>
                </c:pt>
                <c:pt idx="1233">
                  <c:v>3.468</c:v>
                </c:pt>
                <c:pt idx="1234">
                  <c:v>4.0780000000000003</c:v>
                </c:pt>
                <c:pt idx="1235">
                  <c:v>3.516</c:v>
                </c:pt>
                <c:pt idx="1236">
                  <c:v>3.883</c:v>
                </c:pt>
                <c:pt idx="1237">
                  <c:v>3.492</c:v>
                </c:pt>
                <c:pt idx="1238">
                  <c:v>3.883</c:v>
                </c:pt>
                <c:pt idx="1239">
                  <c:v>3.7120000000000002</c:v>
                </c:pt>
                <c:pt idx="1240">
                  <c:v>3.883</c:v>
                </c:pt>
                <c:pt idx="1241">
                  <c:v>3.468</c:v>
                </c:pt>
                <c:pt idx="1242">
                  <c:v>3.8340000000000001</c:v>
                </c:pt>
                <c:pt idx="1243">
                  <c:v>3.492</c:v>
                </c:pt>
                <c:pt idx="1244">
                  <c:v>3.883</c:v>
                </c:pt>
                <c:pt idx="1245">
                  <c:v>3.468</c:v>
                </c:pt>
                <c:pt idx="1246">
                  <c:v>3.883</c:v>
                </c:pt>
                <c:pt idx="1247">
                  <c:v>3.7120000000000002</c:v>
                </c:pt>
                <c:pt idx="1248">
                  <c:v>3.8580000000000001</c:v>
                </c:pt>
                <c:pt idx="1249">
                  <c:v>3.4430000000000001</c:v>
                </c:pt>
                <c:pt idx="1250">
                  <c:v>3.8340000000000001</c:v>
                </c:pt>
                <c:pt idx="1251">
                  <c:v>3.468</c:v>
                </c:pt>
                <c:pt idx="1252">
                  <c:v>3.8340000000000001</c:v>
                </c:pt>
                <c:pt idx="1253">
                  <c:v>3.4430000000000001</c:v>
                </c:pt>
                <c:pt idx="1254">
                  <c:v>3.8580000000000001</c:v>
                </c:pt>
                <c:pt idx="1255">
                  <c:v>3.468</c:v>
                </c:pt>
                <c:pt idx="1256">
                  <c:v>3.8580000000000001</c:v>
                </c:pt>
                <c:pt idx="1257">
                  <c:v>3.419</c:v>
                </c:pt>
                <c:pt idx="1258">
                  <c:v>3.81</c:v>
                </c:pt>
                <c:pt idx="1259">
                  <c:v>3.419</c:v>
                </c:pt>
                <c:pt idx="1260">
                  <c:v>3.7850000000000001</c:v>
                </c:pt>
                <c:pt idx="1261">
                  <c:v>3.4430000000000001</c:v>
                </c:pt>
                <c:pt idx="1262">
                  <c:v>3.81</c:v>
                </c:pt>
                <c:pt idx="1263">
                  <c:v>3.3940000000000001</c:v>
                </c:pt>
                <c:pt idx="1264">
                  <c:v>3.81</c:v>
                </c:pt>
                <c:pt idx="1265">
                  <c:v>3.419</c:v>
                </c:pt>
                <c:pt idx="1266">
                  <c:v>3.7850000000000001</c:v>
                </c:pt>
                <c:pt idx="1267">
                  <c:v>3.37</c:v>
                </c:pt>
                <c:pt idx="1268">
                  <c:v>3.81</c:v>
                </c:pt>
                <c:pt idx="1269">
                  <c:v>3.419</c:v>
                </c:pt>
                <c:pt idx="1270">
                  <c:v>3.7610000000000001</c:v>
                </c:pt>
                <c:pt idx="1271">
                  <c:v>3.419</c:v>
                </c:pt>
                <c:pt idx="1272">
                  <c:v>3.7850000000000001</c:v>
                </c:pt>
                <c:pt idx="1273">
                  <c:v>3.3940000000000001</c:v>
                </c:pt>
                <c:pt idx="1274">
                  <c:v>3.7610000000000001</c:v>
                </c:pt>
                <c:pt idx="1275">
                  <c:v>3.37</c:v>
                </c:pt>
                <c:pt idx="1276">
                  <c:v>3.81</c:v>
                </c:pt>
                <c:pt idx="1277">
                  <c:v>3.3940000000000001</c:v>
                </c:pt>
                <c:pt idx="1278">
                  <c:v>3.81</c:v>
                </c:pt>
                <c:pt idx="1279">
                  <c:v>3.419</c:v>
                </c:pt>
                <c:pt idx="1280">
                  <c:v>3.81</c:v>
                </c:pt>
                <c:pt idx="1281">
                  <c:v>3.3940000000000001</c:v>
                </c:pt>
                <c:pt idx="1282">
                  <c:v>3.7360000000000002</c:v>
                </c:pt>
                <c:pt idx="1283">
                  <c:v>3.37</c:v>
                </c:pt>
                <c:pt idx="1284">
                  <c:v>3.7360000000000002</c:v>
                </c:pt>
                <c:pt idx="1285">
                  <c:v>3.37</c:v>
                </c:pt>
                <c:pt idx="1286">
                  <c:v>3.7360000000000002</c:v>
                </c:pt>
                <c:pt idx="1287">
                  <c:v>3.3460000000000001</c:v>
                </c:pt>
                <c:pt idx="1288">
                  <c:v>3.7610000000000001</c:v>
                </c:pt>
                <c:pt idx="1289">
                  <c:v>3.419</c:v>
                </c:pt>
                <c:pt idx="1290">
                  <c:v>3.7850000000000001</c:v>
                </c:pt>
                <c:pt idx="1291">
                  <c:v>3.2970000000000002</c:v>
                </c:pt>
                <c:pt idx="1292">
                  <c:v>3.7360000000000002</c:v>
                </c:pt>
                <c:pt idx="1293">
                  <c:v>3.3940000000000001</c:v>
                </c:pt>
                <c:pt idx="1294">
                  <c:v>3.7610000000000001</c:v>
                </c:pt>
                <c:pt idx="1295">
                  <c:v>3.3210000000000002</c:v>
                </c:pt>
                <c:pt idx="1296">
                  <c:v>3.7120000000000002</c:v>
                </c:pt>
                <c:pt idx="1297">
                  <c:v>3.3460000000000001</c:v>
                </c:pt>
                <c:pt idx="1298">
                  <c:v>3.7120000000000002</c:v>
                </c:pt>
                <c:pt idx="1299">
                  <c:v>3.3460000000000001</c:v>
                </c:pt>
                <c:pt idx="1300">
                  <c:v>3.7360000000000002</c:v>
                </c:pt>
                <c:pt idx="1301">
                  <c:v>3.3460000000000001</c:v>
                </c:pt>
                <c:pt idx="1302">
                  <c:v>3.7120000000000002</c:v>
                </c:pt>
                <c:pt idx="1303">
                  <c:v>3.3460000000000001</c:v>
                </c:pt>
                <c:pt idx="1304">
                  <c:v>3.6869999999999998</c:v>
                </c:pt>
                <c:pt idx="1305">
                  <c:v>3.3460000000000001</c:v>
                </c:pt>
                <c:pt idx="1306">
                  <c:v>3.516</c:v>
                </c:pt>
                <c:pt idx="1307">
                  <c:v>3.3210000000000002</c:v>
                </c:pt>
                <c:pt idx="1308">
                  <c:v>3.516</c:v>
                </c:pt>
                <c:pt idx="1309">
                  <c:v>3.1259999999999999</c:v>
                </c:pt>
                <c:pt idx="1310">
                  <c:v>3.6629999999999998</c:v>
                </c:pt>
                <c:pt idx="1311">
                  <c:v>3.3210000000000002</c:v>
                </c:pt>
                <c:pt idx="1312">
                  <c:v>3.7120000000000002</c:v>
                </c:pt>
                <c:pt idx="1313">
                  <c:v>3.2970000000000002</c:v>
                </c:pt>
                <c:pt idx="1314">
                  <c:v>3.492</c:v>
                </c:pt>
                <c:pt idx="1315">
                  <c:v>3.1259999999999999</c:v>
                </c:pt>
                <c:pt idx="1316">
                  <c:v>3.7120000000000002</c:v>
                </c:pt>
                <c:pt idx="1317">
                  <c:v>3.3210000000000002</c:v>
                </c:pt>
                <c:pt idx="1318">
                  <c:v>3.492</c:v>
                </c:pt>
                <c:pt idx="1319">
                  <c:v>3.1259999999999999</c:v>
                </c:pt>
                <c:pt idx="1320">
                  <c:v>3.492</c:v>
                </c:pt>
                <c:pt idx="1321">
                  <c:v>3.2970000000000002</c:v>
                </c:pt>
                <c:pt idx="1322">
                  <c:v>3.6869999999999998</c:v>
                </c:pt>
                <c:pt idx="1323">
                  <c:v>3.101</c:v>
                </c:pt>
                <c:pt idx="1324">
                  <c:v>3.468</c:v>
                </c:pt>
                <c:pt idx="1325">
                  <c:v>3.2719999999999998</c:v>
                </c:pt>
                <c:pt idx="1326">
                  <c:v>3.492</c:v>
                </c:pt>
                <c:pt idx="1327">
                  <c:v>3.077</c:v>
                </c:pt>
                <c:pt idx="1328">
                  <c:v>3.6869999999999998</c:v>
                </c:pt>
                <c:pt idx="1329">
                  <c:v>3.101</c:v>
                </c:pt>
                <c:pt idx="1330">
                  <c:v>3.468</c:v>
                </c:pt>
                <c:pt idx="1331">
                  <c:v>3.077</c:v>
                </c:pt>
                <c:pt idx="1332">
                  <c:v>3.468</c:v>
                </c:pt>
                <c:pt idx="1333">
                  <c:v>3.077</c:v>
                </c:pt>
                <c:pt idx="1334">
                  <c:v>3.492</c:v>
                </c:pt>
                <c:pt idx="1335">
                  <c:v>3.0529999999999999</c:v>
                </c:pt>
                <c:pt idx="1336">
                  <c:v>3.4430000000000001</c:v>
                </c:pt>
                <c:pt idx="1337">
                  <c:v>3.101</c:v>
                </c:pt>
                <c:pt idx="1338">
                  <c:v>3.4430000000000001</c:v>
                </c:pt>
                <c:pt idx="1339">
                  <c:v>3.077</c:v>
                </c:pt>
                <c:pt idx="1340">
                  <c:v>3.4430000000000001</c:v>
                </c:pt>
                <c:pt idx="1341">
                  <c:v>3.0529999999999999</c:v>
                </c:pt>
                <c:pt idx="1342">
                  <c:v>3.4430000000000001</c:v>
                </c:pt>
                <c:pt idx="1343">
                  <c:v>3.077</c:v>
                </c:pt>
                <c:pt idx="1344">
                  <c:v>3.419</c:v>
                </c:pt>
                <c:pt idx="1345">
                  <c:v>3.0529999999999999</c:v>
                </c:pt>
                <c:pt idx="1346">
                  <c:v>3.419</c:v>
                </c:pt>
                <c:pt idx="1347">
                  <c:v>3.0529999999999999</c:v>
                </c:pt>
                <c:pt idx="1348">
                  <c:v>3.4430000000000001</c:v>
                </c:pt>
                <c:pt idx="1349">
                  <c:v>3.077</c:v>
                </c:pt>
                <c:pt idx="1350">
                  <c:v>3.3940000000000001</c:v>
                </c:pt>
                <c:pt idx="1351">
                  <c:v>3.004</c:v>
                </c:pt>
                <c:pt idx="1352">
                  <c:v>3.4430000000000001</c:v>
                </c:pt>
                <c:pt idx="1353">
                  <c:v>3.028</c:v>
                </c:pt>
                <c:pt idx="1354">
                  <c:v>3.4430000000000001</c:v>
                </c:pt>
                <c:pt idx="1355">
                  <c:v>3.0529999999999999</c:v>
                </c:pt>
                <c:pt idx="1356">
                  <c:v>3.468</c:v>
                </c:pt>
                <c:pt idx="1357">
                  <c:v>3.077</c:v>
                </c:pt>
                <c:pt idx="1358">
                  <c:v>3.419</c:v>
                </c:pt>
                <c:pt idx="1359">
                  <c:v>3.028</c:v>
                </c:pt>
                <c:pt idx="1360">
                  <c:v>3.468</c:v>
                </c:pt>
                <c:pt idx="1361">
                  <c:v>3.028</c:v>
                </c:pt>
                <c:pt idx="1362">
                  <c:v>3.3940000000000001</c:v>
                </c:pt>
                <c:pt idx="1363">
                  <c:v>3.028</c:v>
                </c:pt>
                <c:pt idx="1364">
                  <c:v>3.3940000000000001</c:v>
                </c:pt>
                <c:pt idx="1365">
                  <c:v>3.028</c:v>
                </c:pt>
                <c:pt idx="1366">
                  <c:v>3.419</c:v>
                </c:pt>
                <c:pt idx="1367">
                  <c:v>3.0529999999999999</c:v>
                </c:pt>
                <c:pt idx="1368">
                  <c:v>3.419</c:v>
                </c:pt>
                <c:pt idx="1369">
                  <c:v>3.004</c:v>
                </c:pt>
                <c:pt idx="1370">
                  <c:v>3.3940000000000001</c:v>
                </c:pt>
                <c:pt idx="1371">
                  <c:v>3.004</c:v>
                </c:pt>
                <c:pt idx="1372">
                  <c:v>3.37</c:v>
                </c:pt>
                <c:pt idx="1373">
                  <c:v>2.9790000000000001</c:v>
                </c:pt>
                <c:pt idx="1374">
                  <c:v>3.419</c:v>
                </c:pt>
                <c:pt idx="1375">
                  <c:v>3.004</c:v>
                </c:pt>
                <c:pt idx="1376">
                  <c:v>3.3940000000000001</c:v>
                </c:pt>
                <c:pt idx="1377">
                  <c:v>2.9790000000000001</c:v>
                </c:pt>
                <c:pt idx="1378">
                  <c:v>3.37</c:v>
                </c:pt>
                <c:pt idx="1379">
                  <c:v>3.028</c:v>
                </c:pt>
                <c:pt idx="1380">
                  <c:v>3.3940000000000001</c:v>
                </c:pt>
                <c:pt idx="1381">
                  <c:v>2.9790000000000001</c:v>
                </c:pt>
                <c:pt idx="1382">
                  <c:v>3.37</c:v>
                </c:pt>
                <c:pt idx="1383">
                  <c:v>3.004</c:v>
                </c:pt>
                <c:pt idx="1384">
                  <c:v>3.3460000000000001</c:v>
                </c:pt>
                <c:pt idx="1385">
                  <c:v>2.9790000000000001</c:v>
                </c:pt>
                <c:pt idx="1386">
                  <c:v>3.3940000000000001</c:v>
                </c:pt>
                <c:pt idx="1387">
                  <c:v>2.9060000000000001</c:v>
                </c:pt>
                <c:pt idx="1388">
                  <c:v>3.3460000000000001</c:v>
                </c:pt>
                <c:pt idx="1389">
                  <c:v>2.9550000000000001</c:v>
                </c:pt>
                <c:pt idx="1390">
                  <c:v>3.37</c:v>
                </c:pt>
                <c:pt idx="1391">
                  <c:v>2.9790000000000001</c:v>
                </c:pt>
                <c:pt idx="1392">
                  <c:v>3.3460000000000001</c:v>
                </c:pt>
                <c:pt idx="1393">
                  <c:v>2.9550000000000001</c:v>
                </c:pt>
                <c:pt idx="1394">
                  <c:v>3.3940000000000001</c:v>
                </c:pt>
                <c:pt idx="1395">
                  <c:v>2.9550000000000001</c:v>
                </c:pt>
                <c:pt idx="1396">
                  <c:v>3.3460000000000001</c:v>
                </c:pt>
                <c:pt idx="1397">
                  <c:v>2.9550000000000001</c:v>
                </c:pt>
                <c:pt idx="1398">
                  <c:v>3.3210000000000002</c:v>
                </c:pt>
                <c:pt idx="1399">
                  <c:v>2.9550000000000001</c:v>
                </c:pt>
                <c:pt idx="1400">
                  <c:v>3.3210000000000002</c:v>
                </c:pt>
                <c:pt idx="1401">
                  <c:v>2.93</c:v>
                </c:pt>
                <c:pt idx="1402">
                  <c:v>3.3460000000000001</c:v>
                </c:pt>
                <c:pt idx="1403">
                  <c:v>2.93</c:v>
                </c:pt>
                <c:pt idx="1404">
                  <c:v>3.3210000000000002</c:v>
                </c:pt>
                <c:pt idx="1405">
                  <c:v>2.9550000000000001</c:v>
                </c:pt>
                <c:pt idx="1406">
                  <c:v>3.3210000000000002</c:v>
                </c:pt>
                <c:pt idx="1407">
                  <c:v>2.9060000000000001</c:v>
                </c:pt>
                <c:pt idx="1408">
                  <c:v>3.3210000000000002</c:v>
                </c:pt>
                <c:pt idx="1409">
                  <c:v>2.93</c:v>
                </c:pt>
                <c:pt idx="1410">
                  <c:v>3.3210000000000002</c:v>
                </c:pt>
                <c:pt idx="1411">
                  <c:v>2.9060000000000001</c:v>
                </c:pt>
                <c:pt idx="1412">
                  <c:v>3.101</c:v>
                </c:pt>
                <c:pt idx="1413">
                  <c:v>2.93</c:v>
                </c:pt>
                <c:pt idx="1414">
                  <c:v>3.1259999999999999</c:v>
                </c:pt>
                <c:pt idx="1415">
                  <c:v>2.9060000000000001</c:v>
                </c:pt>
                <c:pt idx="1416">
                  <c:v>3.3460000000000001</c:v>
                </c:pt>
                <c:pt idx="1417">
                  <c:v>2.9060000000000001</c:v>
                </c:pt>
                <c:pt idx="1418">
                  <c:v>3.3210000000000002</c:v>
                </c:pt>
                <c:pt idx="1419">
                  <c:v>2.93</c:v>
                </c:pt>
                <c:pt idx="1420">
                  <c:v>3.2970000000000002</c:v>
                </c:pt>
                <c:pt idx="1421">
                  <c:v>2.8820000000000001</c:v>
                </c:pt>
                <c:pt idx="1422">
                  <c:v>3.2970000000000002</c:v>
                </c:pt>
                <c:pt idx="1423">
                  <c:v>2.93</c:v>
                </c:pt>
                <c:pt idx="1424">
                  <c:v>3.1259999999999999</c:v>
                </c:pt>
                <c:pt idx="1425">
                  <c:v>2.6859999999999999</c:v>
                </c:pt>
                <c:pt idx="1426">
                  <c:v>3.1259999999999999</c:v>
                </c:pt>
                <c:pt idx="1427">
                  <c:v>2.8820000000000001</c:v>
                </c:pt>
                <c:pt idx="1428">
                  <c:v>3.077</c:v>
                </c:pt>
                <c:pt idx="1429">
                  <c:v>2.8820000000000001</c:v>
                </c:pt>
                <c:pt idx="1430">
                  <c:v>3.101</c:v>
                </c:pt>
                <c:pt idx="1431">
                  <c:v>2.7349999999999999</c:v>
                </c:pt>
                <c:pt idx="1432">
                  <c:v>3.077</c:v>
                </c:pt>
                <c:pt idx="1433">
                  <c:v>2.6859999999999999</c:v>
                </c:pt>
                <c:pt idx="1434">
                  <c:v>3.101</c:v>
                </c:pt>
                <c:pt idx="1435">
                  <c:v>2.6859999999999999</c:v>
                </c:pt>
                <c:pt idx="1436">
                  <c:v>3.1259999999999999</c:v>
                </c:pt>
                <c:pt idx="1437">
                  <c:v>2.7109999999999999</c:v>
                </c:pt>
                <c:pt idx="1438">
                  <c:v>3.077</c:v>
                </c:pt>
                <c:pt idx="1439">
                  <c:v>2.6619999999999999</c:v>
                </c:pt>
                <c:pt idx="1440">
                  <c:v>3.101</c:v>
                </c:pt>
                <c:pt idx="1441">
                  <c:v>2.6859999999999999</c:v>
                </c:pt>
                <c:pt idx="1442">
                  <c:v>3.077</c:v>
                </c:pt>
                <c:pt idx="1443">
                  <c:v>2.7109999999999999</c:v>
                </c:pt>
                <c:pt idx="1444">
                  <c:v>3.0529999999999999</c:v>
                </c:pt>
                <c:pt idx="1445">
                  <c:v>2.7109999999999999</c:v>
                </c:pt>
                <c:pt idx="1446">
                  <c:v>3.077</c:v>
                </c:pt>
                <c:pt idx="1447">
                  <c:v>2.6619999999999999</c:v>
                </c:pt>
                <c:pt idx="1448">
                  <c:v>3.1259999999999999</c:v>
                </c:pt>
                <c:pt idx="1449">
                  <c:v>2.6859999999999999</c:v>
                </c:pt>
                <c:pt idx="1450">
                  <c:v>3.0529999999999999</c:v>
                </c:pt>
                <c:pt idx="1451">
                  <c:v>2.6619999999999999</c:v>
                </c:pt>
                <c:pt idx="1452">
                  <c:v>3.101</c:v>
                </c:pt>
                <c:pt idx="1453">
                  <c:v>2.6619999999999999</c:v>
                </c:pt>
                <c:pt idx="1454">
                  <c:v>3.0529999999999999</c:v>
                </c:pt>
                <c:pt idx="1455">
                  <c:v>2.6619999999999999</c:v>
                </c:pt>
                <c:pt idx="1456">
                  <c:v>3.077</c:v>
                </c:pt>
                <c:pt idx="1457">
                  <c:v>2.6619999999999999</c:v>
                </c:pt>
                <c:pt idx="1458">
                  <c:v>3.028</c:v>
                </c:pt>
                <c:pt idx="1459">
                  <c:v>2.637</c:v>
                </c:pt>
                <c:pt idx="1460">
                  <c:v>3.0529999999999999</c:v>
                </c:pt>
                <c:pt idx="1461">
                  <c:v>2.637</c:v>
                </c:pt>
                <c:pt idx="1462">
                  <c:v>3.028</c:v>
                </c:pt>
                <c:pt idx="1463">
                  <c:v>2.637</c:v>
                </c:pt>
                <c:pt idx="1464">
                  <c:v>3.077</c:v>
                </c:pt>
                <c:pt idx="1465">
                  <c:v>2.637</c:v>
                </c:pt>
                <c:pt idx="1466">
                  <c:v>3.028</c:v>
                </c:pt>
                <c:pt idx="1467">
                  <c:v>2.6859999999999999</c:v>
                </c:pt>
                <c:pt idx="1468">
                  <c:v>3.028</c:v>
                </c:pt>
                <c:pt idx="1469">
                  <c:v>2.637</c:v>
                </c:pt>
                <c:pt idx="1470">
                  <c:v>3.004</c:v>
                </c:pt>
                <c:pt idx="1471">
                  <c:v>2.637</c:v>
                </c:pt>
                <c:pt idx="1472">
                  <c:v>3.0529999999999999</c:v>
                </c:pt>
                <c:pt idx="1473">
                  <c:v>2.613</c:v>
                </c:pt>
                <c:pt idx="1474">
                  <c:v>3.0529999999999999</c:v>
                </c:pt>
                <c:pt idx="1475">
                  <c:v>2.5640000000000001</c:v>
                </c:pt>
                <c:pt idx="1476">
                  <c:v>3.0529999999999999</c:v>
                </c:pt>
                <c:pt idx="1477">
                  <c:v>2.637</c:v>
                </c:pt>
                <c:pt idx="1478">
                  <c:v>3.004</c:v>
                </c:pt>
                <c:pt idx="1479">
                  <c:v>2.6619999999999999</c:v>
                </c:pt>
                <c:pt idx="1480">
                  <c:v>2.9790000000000001</c:v>
                </c:pt>
                <c:pt idx="1481">
                  <c:v>2.589</c:v>
                </c:pt>
                <c:pt idx="1482">
                  <c:v>3.028</c:v>
                </c:pt>
                <c:pt idx="1483">
                  <c:v>2.637</c:v>
                </c:pt>
                <c:pt idx="1484">
                  <c:v>3.028</c:v>
                </c:pt>
                <c:pt idx="1485">
                  <c:v>2.589</c:v>
                </c:pt>
                <c:pt idx="1486">
                  <c:v>3.004</c:v>
                </c:pt>
                <c:pt idx="1487">
                  <c:v>2.589</c:v>
                </c:pt>
                <c:pt idx="1488">
                  <c:v>3.028</c:v>
                </c:pt>
                <c:pt idx="1489">
                  <c:v>2.54</c:v>
                </c:pt>
                <c:pt idx="1490">
                  <c:v>3.004</c:v>
                </c:pt>
                <c:pt idx="1491">
                  <c:v>2.6619999999999999</c:v>
                </c:pt>
                <c:pt idx="1492">
                  <c:v>2.9790000000000001</c:v>
                </c:pt>
                <c:pt idx="1493">
                  <c:v>2.5640000000000001</c:v>
                </c:pt>
                <c:pt idx="1494">
                  <c:v>2.9790000000000001</c:v>
                </c:pt>
                <c:pt idx="1495">
                  <c:v>2.589</c:v>
                </c:pt>
                <c:pt idx="1496">
                  <c:v>3.004</c:v>
                </c:pt>
                <c:pt idx="1497">
                  <c:v>2.613</c:v>
                </c:pt>
                <c:pt idx="1498">
                  <c:v>2.9790000000000001</c:v>
                </c:pt>
                <c:pt idx="1499">
                  <c:v>2.54</c:v>
                </c:pt>
                <c:pt idx="1500">
                  <c:v>3.004</c:v>
                </c:pt>
                <c:pt idx="1501">
                  <c:v>2.5640000000000001</c:v>
                </c:pt>
                <c:pt idx="1502">
                  <c:v>2.9550000000000001</c:v>
                </c:pt>
                <c:pt idx="1503">
                  <c:v>2.589</c:v>
                </c:pt>
                <c:pt idx="1504">
                  <c:v>3.004</c:v>
                </c:pt>
                <c:pt idx="1505">
                  <c:v>2.5640000000000001</c:v>
                </c:pt>
                <c:pt idx="1506">
                  <c:v>2.9550000000000001</c:v>
                </c:pt>
                <c:pt idx="1507">
                  <c:v>2.589</c:v>
                </c:pt>
                <c:pt idx="1508">
                  <c:v>2.9550000000000001</c:v>
                </c:pt>
                <c:pt idx="1509">
                  <c:v>2.5640000000000001</c:v>
                </c:pt>
                <c:pt idx="1510">
                  <c:v>2.9550000000000001</c:v>
                </c:pt>
                <c:pt idx="1511">
                  <c:v>2.54</c:v>
                </c:pt>
                <c:pt idx="1512">
                  <c:v>2.93</c:v>
                </c:pt>
                <c:pt idx="1513">
                  <c:v>2.3439999999999999</c:v>
                </c:pt>
                <c:pt idx="1514">
                  <c:v>2.9790000000000001</c:v>
                </c:pt>
                <c:pt idx="1515">
                  <c:v>2.54</c:v>
                </c:pt>
                <c:pt idx="1516">
                  <c:v>2.93</c:v>
                </c:pt>
                <c:pt idx="1517">
                  <c:v>2.5150000000000001</c:v>
                </c:pt>
                <c:pt idx="1518">
                  <c:v>2.9550000000000001</c:v>
                </c:pt>
                <c:pt idx="1519">
                  <c:v>2.5150000000000001</c:v>
                </c:pt>
                <c:pt idx="1520">
                  <c:v>2.93</c:v>
                </c:pt>
                <c:pt idx="1521">
                  <c:v>2.3199999999999998</c:v>
                </c:pt>
                <c:pt idx="1522">
                  <c:v>2.9550000000000001</c:v>
                </c:pt>
                <c:pt idx="1523">
                  <c:v>2.5150000000000001</c:v>
                </c:pt>
                <c:pt idx="1524">
                  <c:v>2.93</c:v>
                </c:pt>
                <c:pt idx="1525">
                  <c:v>2.54</c:v>
                </c:pt>
                <c:pt idx="1526">
                  <c:v>2.9550000000000001</c:v>
                </c:pt>
                <c:pt idx="1527">
                  <c:v>2.3439999999999999</c:v>
                </c:pt>
                <c:pt idx="1528">
                  <c:v>2.9550000000000001</c:v>
                </c:pt>
                <c:pt idx="1529">
                  <c:v>2.54</c:v>
                </c:pt>
                <c:pt idx="1530">
                  <c:v>2.93</c:v>
                </c:pt>
                <c:pt idx="1531">
                  <c:v>2.4910000000000001</c:v>
                </c:pt>
                <c:pt idx="1532">
                  <c:v>2.7349999999999999</c:v>
                </c:pt>
                <c:pt idx="1533">
                  <c:v>2.5150000000000001</c:v>
                </c:pt>
                <c:pt idx="1534">
                  <c:v>2.9060000000000001</c:v>
                </c:pt>
                <c:pt idx="1535">
                  <c:v>2.54</c:v>
                </c:pt>
                <c:pt idx="1536">
                  <c:v>2.9550000000000001</c:v>
                </c:pt>
                <c:pt idx="1537">
                  <c:v>2.5150000000000001</c:v>
                </c:pt>
                <c:pt idx="1538">
                  <c:v>2.93</c:v>
                </c:pt>
                <c:pt idx="1539">
                  <c:v>2.4910000000000001</c:v>
                </c:pt>
                <c:pt idx="1540">
                  <c:v>2.8570000000000002</c:v>
                </c:pt>
                <c:pt idx="1541">
                  <c:v>2.3199999999999998</c:v>
                </c:pt>
                <c:pt idx="1542">
                  <c:v>2.7349999999999999</c:v>
                </c:pt>
                <c:pt idx="1543">
                  <c:v>2.3439999999999999</c:v>
                </c:pt>
                <c:pt idx="1544">
                  <c:v>2.93</c:v>
                </c:pt>
                <c:pt idx="1545">
                  <c:v>2.2949999999999999</c:v>
                </c:pt>
                <c:pt idx="1546">
                  <c:v>2.7109999999999999</c:v>
                </c:pt>
                <c:pt idx="1547">
                  <c:v>2.2949999999999999</c:v>
                </c:pt>
                <c:pt idx="1548">
                  <c:v>2.9060000000000001</c:v>
                </c:pt>
                <c:pt idx="1549">
                  <c:v>2.3199999999999998</c:v>
                </c:pt>
                <c:pt idx="1550">
                  <c:v>2.7109999999999999</c:v>
                </c:pt>
                <c:pt idx="1551">
                  <c:v>2.3199999999999998</c:v>
                </c:pt>
                <c:pt idx="1552">
                  <c:v>2.8570000000000002</c:v>
                </c:pt>
                <c:pt idx="1553">
                  <c:v>2.3199999999999998</c:v>
                </c:pt>
                <c:pt idx="1554">
                  <c:v>2.7109999999999999</c:v>
                </c:pt>
                <c:pt idx="1555">
                  <c:v>2.2949999999999999</c:v>
                </c:pt>
                <c:pt idx="1556">
                  <c:v>2.6859999999999999</c:v>
                </c:pt>
                <c:pt idx="1557">
                  <c:v>2.2949999999999999</c:v>
                </c:pt>
                <c:pt idx="1558">
                  <c:v>2.9060000000000001</c:v>
                </c:pt>
                <c:pt idx="1559">
                  <c:v>2.5150000000000001</c:v>
                </c:pt>
                <c:pt idx="1560">
                  <c:v>2.7109999999999999</c:v>
                </c:pt>
                <c:pt idx="1561">
                  <c:v>2.3439999999999999</c:v>
                </c:pt>
                <c:pt idx="1562">
                  <c:v>2.7109999999999999</c:v>
                </c:pt>
                <c:pt idx="1563">
                  <c:v>2.2709999999999999</c:v>
                </c:pt>
                <c:pt idx="1564">
                  <c:v>2.9060000000000001</c:v>
                </c:pt>
                <c:pt idx="1565">
                  <c:v>2.2949999999999999</c:v>
                </c:pt>
                <c:pt idx="1566">
                  <c:v>2.7109999999999999</c:v>
                </c:pt>
                <c:pt idx="1567">
                  <c:v>2.3199999999999998</c:v>
                </c:pt>
                <c:pt idx="1568">
                  <c:v>2.7109999999999999</c:v>
                </c:pt>
                <c:pt idx="1569">
                  <c:v>2.2469999999999999</c:v>
                </c:pt>
                <c:pt idx="1570">
                  <c:v>2.6859999999999999</c:v>
                </c:pt>
                <c:pt idx="1571">
                  <c:v>2.2949999999999999</c:v>
                </c:pt>
                <c:pt idx="1572">
                  <c:v>2.7109999999999999</c:v>
                </c:pt>
                <c:pt idx="1573">
                  <c:v>2.3199999999999998</c:v>
                </c:pt>
                <c:pt idx="1574">
                  <c:v>2.8330000000000002</c:v>
                </c:pt>
                <c:pt idx="1575">
                  <c:v>2.3199999999999998</c:v>
                </c:pt>
                <c:pt idx="1576">
                  <c:v>2.6859999999999999</c:v>
                </c:pt>
                <c:pt idx="1577">
                  <c:v>2.2949999999999999</c:v>
                </c:pt>
                <c:pt idx="1578">
                  <c:v>2.6619999999999999</c:v>
                </c:pt>
                <c:pt idx="1579">
                  <c:v>2.222</c:v>
                </c:pt>
                <c:pt idx="1580">
                  <c:v>2.6619999999999999</c:v>
                </c:pt>
                <c:pt idx="1581">
                  <c:v>2.2949999999999999</c:v>
                </c:pt>
                <c:pt idx="1582">
                  <c:v>2.637</c:v>
                </c:pt>
                <c:pt idx="1583">
                  <c:v>2.2709999999999999</c:v>
                </c:pt>
                <c:pt idx="1584">
                  <c:v>2.6859999999999999</c:v>
                </c:pt>
                <c:pt idx="1585">
                  <c:v>2.2469999999999999</c:v>
                </c:pt>
                <c:pt idx="1586">
                  <c:v>2.6619999999999999</c:v>
                </c:pt>
                <c:pt idx="1587">
                  <c:v>2.2949999999999999</c:v>
                </c:pt>
                <c:pt idx="1588">
                  <c:v>2.6619999999999999</c:v>
                </c:pt>
                <c:pt idx="1589">
                  <c:v>2.222</c:v>
                </c:pt>
                <c:pt idx="1590">
                  <c:v>2.6859999999999999</c:v>
                </c:pt>
                <c:pt idx="1591">
                  <c:v>2.222</c:v>
                </c:pt>
                <c:pt idx="1592">
                  <c:v>2.7109999999999999</c:v>
                </c:pt>
                <c:pt idx="1593">
                  <c:v>2.222</c:v>
                </c:pt>
                <c:pt idx="1594">
                  <c:v>2.6619999999999999</c:v>
                </c:pt>
                <c:pt idx="1595">
                  <c:v>2.2469999999999999</c:v>
                </c:pt>
                <c:pt idx="1596">
                  <c:v>2.6859999999999999</c:v>
                </c:pt>
                <c:pt idx="1597">
                  <c:v>2.198</c:v>
                </c:pt>
                <c:pt idx="1598">
                  <c:v>2.613</c:v>
                </c:pt>
                <c:pt idx="1599">
                  <c:v>2.198</c:v>
                </c:pt>
                <c:pt idx="1600">
                  <c:v>2.613</c:v>
                </c:pt>
                <c:pt idx="1601">
                  <c:v>2.222</c:v>
                </c:pt>
                <c:pt idx="1602">
                  <c:v>2.613</c:v>
                </c:pt>
                <c:pt idx="1603">
                  <c:v>2.2469999999999999</c:v>
                </c:pt>
                <c:pt idx="1604">
                  <c:v>2.637</c:v>
                </c:pt>
                <c:pt idx="1605">
                  <c:v>2.222</c:v>
                </c:pt>
                <c:pt idx="1606">
                  <c:v>2.6619999999999999</c:v>
                </c:pt>
                <c:pt idx="1607">
                  <c:v>2.222</c:v>
                </c:pt>
                <c:pt idx="1608">
                  <c:v>2.637</c:v>
                </c:pt>
                <c:pt idx="1609">
                  <c:v>2.198</c:v>
                </c:pt>
                <c:pt idx="1610">
                  <c:v>2.613</c:v>
                </c:pt>
                <c:pt idx="1611">
                  <c:v>2.2709999999999999</c:v>
                </c:pt>
                <c:pt idx="1612">
                  <c:v>2.6619999999999999</c:v>
                </c:pt>
                <c:pt idx="1613">
                  <c:v>2.198</c:v>
                </c:pt>
                <c:pt idx="1614">
                  <c:v>2.613</c:v>
                </c:pt>
                <c:pt idx="1615">
                  <c:v>2.2469999999999999</c:v>
                </c:pt>
                <c:pt idx="1616">
                  <c:v>2.613</c:v>
                </c:pt>
                <c:pt idx="1617">
                  <c:v>2.198</c:v>
                </c:pt>
                <c:pt idx="1618">
                  <c:v>2.6619999999999999</c:v>
                </c:pt>
                <c:pt idx="1619">
                  <c:v>2.198</c:v>
                </c:pt>
                <c:pt idx="1620">
                  <c:v>2.613</c:v>
                </c:pt>
                <c:pt idx="1621">
                  <c:v>2.222</c:v>
                </c:pt>
                <c:pt idx="1622">
                  <c:v>2.589</c:v>
                </c:pt>
                <c:pt idx="1623">
                  <c:v>2.198</c:v>
                </c:pt>
                <c:pt idx="1624">
                  <c:v>2.589</c:v>
                </c:pt>
                <c:pt idx="1625">
                  <c:v>2.173</c:v>
                </c:pt>
                <c:pt idx="1626">
                  <c:v>2.6619999999999999</c:v>
                </c:pt>
                <c:pt idx="1627">
                  <c:v>2.2469999999999999</c:v>
                </c:pt>
                <c:pt idx="1628">
                  <c:v>2.613</c:v>
                </c:pt>
                <c:pt idx="1629">
                  <c:v>2.222</c:v>
                </c:pt>
                <c:pt idx="1630">
                  <c:v>2.589</c:v>
                </c:pt>
                <c:pt idx="1631">
                  <c:v>2.173</c:v>
                </c:pt>
                <c:pt idx="1632">
                  <c:v>2.637</c:v>
                </c:pt>
                <c:pt idx="1633">
                  <c:v>2.198</c:v>
                </c:pt>
                <c:pt idx="1634">
                  <c:v>2.613</c:v>
                </c:pt>
                <c:pt idx="1635">
                  <c:v>2.198</c:v>
                </c:pt>
                <c:pt idx="1636">
                  <c:v>2.613</c:v>
                </c:pt>
                <c:pt idx="1637">
                  <c:v>2.198</c:v>
                </c:pt>
                <c:pt idx="1638">
                  <c:v>2.5640000000000001</c:v>
                </c:pt>
                <c:pt idx="1639">
                  <c:v>2.173</c:v>
                </c:pt>
                <c:pt idx="1640">
                  <c:v>2.5640000000000001</c:v>
                </c:pt>
                <c:pt idx="1641">
                  <c:v>2.149</c:v>
                </c:pt>
                <c:pt idx="1642">
                  <c:v>2.637</c:v>
                </c:pt>
                <c:pt idx="1643">
                  <c:v>2.198</c:v>
                </c:pt>
                <c:pt idx="1644">
                  <c:v>2.613</c:v>
                </c:pt>
                <c:pt idx="1645">
                  <c:v>2.149</c:v>
                </c:pt>
                <c:pt idx="1646">
                  <c:v>2.54</c:v>
                </c:pt>
                <c:pt idx="1647">
                  <c:v>2.198</c:v>
                </c:pt>
                <c:pt idx="1648">
                  <c:v>2.5640000000000001</c:v>
                </c:pt>
                <c:pt idx="1649">
                  <c:v>2.149</c:v>
                </c:pt>
                <c:pt idx="1650">
                  <c:v>2.589</c:v>
                </c:pt>
                <c:pt idx="1651">
                  <c:v>2.173</c:v>
                </c:pt>
                <c:pt idx="1652">
                  <c:v>2.613</c:v>
                </c:pt>
                <c:pt idx="1653">
                  <c:v>2.149</c:v>
                </c:pt>
                <c:pt idx="1654">
                  <c:v>2.54</c:v>
                </c:pt>
                <c:pt idx="1655">
                  <c:v>2.198</c:v>
                </c:pt>
                <c:pt idx="1656">
                  <c:v>2.54</c:v>
                </c:pt>
                <c:pt idx="1657">
                  <c:v>2.173</c:v>
                </c:pt>
                <c:pt idx="1658">
                  <c:v>2.589</c:v>
                </c:pt>
                <c:pt idx="1659">
                  <c:v>2.149</c:v>
                </c:pt>
                <c:pt idx="1660">
                  <c:v>2.5640000000000001</c:v>
                </c:pt>
                <c:pt idx="1661">
                  <c:v>2.173</c:v>
                </c:pt>
                <c:pt idx="1662">
                  <c:v>2.5640000000000001</c:v>
                </c:pt>
                <c:pt idx="1663">
                  <c:v>2.125</c:v>
                </c:pt>
                <c:pt idx="1664">
                  <c:v>2.589</c:v>
                </c:pt>
                <c:pt idx="1665">
                  <c:v>2.173</c:v>
                </c:pt>
                <c:pt idx="1666">
                  <c:v>2.5640000000000001</c:v>
                </c:pt>
                <c:pt idx="1667">
                  <c:v>2.149</c:v>
                </c:pt>
                <c:pt idx="1668">
                  <c:v>2.54</c:v>
                </c:pt>
                <c:pt idx="1669">
                  <c:v>2.125</c:v>
                </c:pt>
                <c:pt idx="1670">
                  <c:v>2.5640000000000001</c:v>
                </c:pt>
                <c:pt idx="1671">
                  <c:v>2.149</c:v>
                </c:pt>
                <c:pt idx="1672">
                  <c:v>2.54</c:v>
                </c:pt>
                <c:pt idx="1673">
                  <c:v>2.149</c:v>
                </c:pt>
                <c:pt idx="1674">
                  <c:v>2.5640000000000001</c:v>
                </c:pt>
                <c:pt idx="1675">
                  <c:v>2.149</c:v>
                </c:pt>
                <c:pt idx="1676">
                  <c:v>2.4910000000000001</c:v>
                </c:pt>
                <c:pt idx="1677">
                  <c:v>1.954</c:v>
                </c:pt>
                <c:pt idx="1678">
                  <c:v>2.2949999999999999</c:v>
                </c:pt>
                <c:pt idx="1679">
                  <c:v>1.929</c:v>
                </c:pt>
                <c:pt idx="1680">
                  <c:v>2.54</c:v>
                </c:pt>
                <c:pt idx="1681">
                  <c:v>2.1</c:v>
                </c:pt>
                <c:pt idx="1682">
                  <c:v>2.5150000000000001</c:v>
                </c:pt>
                <c:pt idx="1683">
                  <c:v>2.149</c:v>
                </c:pt>
                <c:pt idx="1684">
                  <c:v>2.54</c:v>
                </c:pt>
                <c:pt idx="1685">
                  <c:v>1.929</c:v>
                </c:pt>
                <c:pt idx="1686">
                  <c:v>2.5640000000000001</c:v>
                </c:pt>
                <c:pt idx="1687">
                  <c:v>1.929</c:v>
                </c:pt>
                <c:pt idx="1688">
                  <c:v>2.5150000000000001</c:v>
                </c:pt>
                <c:pt idx="1689">
                  <c:v>2.173</c:v>
                </c:pt>
                <c:pt idx="1690">
                  <c:v>2.5150000000000001</c:v>
                </c:pt>
                <c:pt idx="1691">
                  <c:v>1.905</c:v>
                </c:pt>
                <c:pt idx="1692">
                  <c:v>2.54</c:v>
                </c:pt>
                <c:pt idx="1693">
                  <c:v>1.954</c:v>
                </c:pt>
                <c:pt idx="1694">
                  <c:v>2.5150000000000001</c:v>
                </c:pt>
                <c:pt idx="1695">
                  <c:v>1.929</c:v>
                </c:pt>
                <c:pt idx="1696">
                  <c:v>2.3439999999999999</c:v>
                </c:pt>
                <c:pt idx="1697">
                  <c:v>1.929</c:v>
                </c:pt>
                <c:pt idx="1698">
                  <c:v>2.3199999999999998</c:v>
                </c:pt>
                <c:pt idx="1699">
                  <c:v>1.929</c:v>
                </c:pt>
                <c:pt idx="1700">
                  <c:v>2.3439999999999999</c:v>
                </c:pt>
                <c:pt idx="1701">
                  <c:v>1.929</c:v>
                </c:pt>
                <c:pt idx="1702">
                  <c:v>2.3439999999999999</c:v>
                </c:pt>
                <c:pt idx="1703">
                  <c:v>1.905</c:v>
                </c:pt>
                <c:pt idx="1704">
                  <c:v>2.54</c:v>
                </c:pt>
                <c:pt idx="1705">
                  <c:v>2.1</c:v>
                </c:pt>
                <c:pt idx="1706">
                  <c:v>2.54</c:v>
                </c:pt>
                <c:pt idx="1707">
                  <c:v>1.954</c:v>
                </c:pt>
                <c:pt idx="1708">
                  <c:v>2.5150000000000001</c:v>
                </c:pt>
                <c:pt idx="1709">
                  <c:v>2.1</c:v>
                </c:pt>
                <c:pt idx="1710">
                  <c:v>2.5150000000000001</c:v>
                </c:pt>
                <c:pt idx="1711">
                  <c:v>1.929</c:v>
                </c:pt>
                <c:pt idx="1712">
                  <c:v>2.3439999999999999</c:v>
                </c:pt>
                <c:pt idx="1713">
                  <c:v>2.1</c:v>
                </c:pt>
                <c:pt idx="1714">
                  <c:v>2.4910000000000001</c:v>
                </c:pt>
                <c:pt idx="1715">
                  <c:v>1.88</c:v>
                </c:pt>
                <c:pt idx="1716">
                  <c:v>2.3439999999999999</c:v>
                </c:pt>
                <c:pt idx="1717">
                  <c:v>1.905</c:v>
                </c:pt>
                <c:pt idx="1718">
                  <c:v>2.4910000000000001</c:v>
                </c:pt>
                <c:pt idx="1719">
                  <c:v>1.88</c:v>
                </c:pt>
                <c:pt idx="1720">
                  <c:v>2.2949999999999999</c:v>
                </c:pt>
                <c:pt idx="1721">
                  <c:v>1.88</c:v>
                </c:pt>
                <c:pt idx="1722">
                  <c:v>2.4660000000000002</c:v>
                </c:pt>
                <c:pt idx="1723">
                  <c:v>1.905</c:v>
                </c:pt>
                <c:pt idx="1724">
                  <c:v>2.3199999999999998</c:v>
                </c:pt>
                <c:pt idx="1725">
                  <c:v>1.905</c:v>
                </c:pt>
                <c:pt idx="1726">
                  <c:v>2.3199999999999998</c:v>
                </c:pt>
                <c:pt idx="1727">
                  <c:v>1.88</c:v>
                </c:pt>
                <c:pt idx="1728">
                  <c:v>2.3199999999999998</c:v>
                </c:pt>
                <c:pt idx="1729">
                  <c:v>1.905</c:v>
                </c:pt>
                <c:pt idx="1730">
                  <c:v>2.2949999999999999</c:v>
                </c:pt>
                <c:pt idx="1731">
                  <c:v>1.88</c:v>
                </c:pt>
                <c:pt idx="1732">
                  <c:v>2.54</c:v>
                </c:pt>
                <c:pt idx="1733">
                  <c:v>1.905</c:v>
                </c:pt>
                <c:pt idx="1734">
                  <c:v>2.2949999999999999</c:v>
                </c:pt>
                <c:pt idx="1735">
                  <c:v>1.88</c:v>
                </c:pt>
                <c:pt idx="1736">
                  <c:v>2.2949999999999999</c:v>
                </c:pt>
                <c:pt idx="1737">
                  <c:v>1.8560000000000001</c:v>
                </c:pt>
                <c:pt idx="1738">
                  <c:v>2.3199999999999998</c:v>
                </c:pt>
                <c:pt idx="1739">
                  <c:v>1.8320000000000001</c:v>
                </c:pt>
                <c:pt idx="1740">
                  <c:v>2.3199999999999998</c:v>
                </c:pt>
                <c:pt idx="1741">
                  <c:v>1.905</c:v>
                </c:pt>
                <c:pt idx="1742">
                  <c:v>2.2949999999999999</c:v>
                </c:pt>
                <c:pt idx="1743">
                  <c:v>1.905</c:v>
                </c:pt>
                <c:pt idx="1744">
                  <c:v>2.2949999999999999</c:v>
                </c:pt>
                <c:pt idx="1745">
                  <c:v>1.8560000000000001</c:v>
                </c:pt>
                <c:pt idx="1746">
                  <c:v>2.3199999999999998</c:v>
                </c:pt>
                <c:pt idx="1747">
                  <c:v>1.88</c:v>
                </c:pt>
                <c:pt idx="1748">
                  <c:v>2.2469999999999999</c:v>
                </c:pt>
                <c:pt idx="1749">
                  <c:v>1.905</c:v>
                </c:pt>
                <c:pt idx="1750">
                  <c:v>2.2709999999999999</c:v>
                </c:pt>
                <c:pt idx="1751">
                  <c:v>1.8560000000000001</c:v>
                </c:pt>
                <c:pt idx="1752">
                  <c:v>2.2949999999999999</c:v>
                </c:pt>
                <c:pt idx="1753">
                  <c:v>1.905</c:v>
                </c:pt>
                <c:pt idx="1754">
                  <c:v>2.2709999999999999</c:v>
                </c:pt>
                <c:pt idx="1755">
                  <c:v>1.88</c:v>
                </c:pt>
                <c:pt idx="1756">
                  <c:v>2.2949999999999999</c:v>
                </c:pt>
                <c:pt idx="1757">
                  <c:v>1.8560000000000001</c:v>
                </c:pt>
                <c:pt idx="1758">
                  <c:v>2.2709999999999999</c:v>
                </c:pt>
                <c:pt idx="1759">
                  <c:v>1.8560000000000001</c:v>
                </c:pt>
                <c:pt idx="1760">
                  <c:v>2.2709999999999999</c:v>
                </c:pt>
                <c:pt idx="1761">
                  <c:v>1.8560000000000001</c:v>
                </c:pt>
                <c:pt idx="1762">
                  <c:v>2.2709999999999999</c:v>
                </c:pt>
                <c:pt idx="1763">
                  <c:v>1.8560000000000001</c:v>
                </c:pt>
                <c:pt idx="1764">
                  <c:v>2.2469999999999999</c:v>
                </c:pt>
                <c:pt idx="1765">
                  <c:v>1.8320000000000001</c:v>
                </c:pt>
                <c:pt idx="1766">
                  <c:v>2.2949999999999999</c:v>
                </c:pt>
                <c:pt idx="1767">
                  <c:v>1.8320000000000001</c:v>
                </c:pt>
                <c:pt idx="1768">
                  <c:v>2.222</c:v>
                </c:pt>
                <c:pt idx="1769">
                  <c:v>1.8320000000000001</c:v>
                </c:pt>
                <c:pt idx="1770">
                  <c:v>2.2709999999999999</c:v>
                </c:pt>
                <c:pt idx="1771">
                  <c:v>1.8320000000000001</c:v>
                </c:pt>
                <c:pt idx="1772">
                  <c:v>2.2709999999999999</c:v>
                </c:pt>
                <c:pt idx="1773">
                  <c:v>1.8320000000000001</c:v>
                </c:pt>
                <c:pt idx="1774">
                  <c:v>2.2949999999999999</c:v>
                </c:pt>
                <c:pt idx="1775">
                  <c:v>1.8560000000000001</c:v>
                </c:pt>
                <c:pt idx="1776">
                  <c:v>2.2709999999999999</c:v>
                </c:pt>
                <c:pt idx="1777">
                  <c:v>1.8320000000000001</c:v>
                </c:pt>
                <c:pt idx="1778">
                  <c:v>2.2709999999999999</c:v>
                </c:pt>
                <c:pt idx="1779">
                  <c:v>1.8560000000000001</c:v>
                </c:pt>
                <c:pt idx="1780">
                  <c:v>2.222</c:v>
                </c:pt>
                <c:pt idx="1781">
                  <c:v>1.8069999999999999</c:v>
                </c:pt>
                <c:pt idx="1782">
                  <c:v>2.2469999999999999</c:v>
                </c:pt>
                <c:pt idx="1783">
                  <c:v>1.954</c:v>
                </c:pt>
                <c:pt idx="1784">
                  <c:v>2.2949999999999999</c:v>
                </c:pt>
                <c:pt idx="1785">
                  <c:v>1.88</c:v>
                </c:pt>
                <c:pt idx="1786">
                  <c:v>2.2709999999999999</c:v>
                </c:pt>
                <c:pt idx="1787">
                  <c:v>1.8320000000000001</c:v>
                </c:pt>
                <c:pt idx="1788">
                  <c:v>2.2949999999999999</c:v>
                </c:pt>
                <c:pt idx="1789">
                  <c:v>1.8069999999999999</c:v>
                </c:pt>
                <c:pt idx="1790">
                  <c:v>2.198</c:v>
                </c:pt>
                <c:pt idx="1791">
                  <c:v>1.8069999999999999</c:v>
                </c:pt>
                <c:pt idx="1792">
                  <c:v>2.198</c:v>
                </c:pt>
                <c:pt idx="1793">
                  <c:v>1.758</c:v>
                </c:pt>
                <c:pt idx="1794">
                  <c:v>2.222</c:v>
                </c:pt>
                <c:pt idx="1795">
                  <c:v>1.8069999999999999</c:v>
                </c:pt>
                <c:pt idx="1796">
                  <c:v>2.222</c:v>
                </c:pt>
                <c:pt idx="1797">
                  <c:v>1.7829999999999999</c:v>
                </c:pt>
                <c:pt idx="1798">
                  <c:v>2.222</c:v>
                </c:pt>
                <c:pt idx="1799">
                  <c:v>1.78299999999999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B3F-402C-BDA1-5F47B56F508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25007631"/>
        <c:axId val="1767270399"/>
      </c:scatterChart>
      <c:valAx>
        <c:axId val="2125007631"/>
        <c:scaling>
          <c:orientation val="minMax"/>
          <c:max val="1799"/>
          <c:min val="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67270399"/>
        <c:crosses val="autoZero"/>
        <c:crossBetween val="midCat"/>
      </c:valAx>
      <c:valAx>
        <c:axId val="1767270399"/>
        <c:scaling>
          <c:orientation val="minMax"/>
          <c:max val="14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25007631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Temperature (C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30Inside'!$B$1</c:f>
              <c:strCache>
                <c:ptCount val="1"/>
                <c:pt idx="0">
                  <c:v>airTMP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30Inside'!$A$2:$A$1801</c:f>
              <c:numCache>
                <c:formatCode>General</c:formatCode>
                <c:ptCount val="1800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1</c:v>
                </c:pt>
                <c:pt idx="1002">
                  <c:v>1002</c:v>
                </c:pt>
                <c:pt idx="1003">
                  <c:v>1003</c:v>
                </c:pt>
                <c:pt idx="1004">
                  <c:v>1004</c:v>
                </c:pt>
                <c:pt idx="1005">
                  <c:v>1005</c:v>
                </c:pt>
                <c:pt idx="1006">
                  <c:v>1006</c:v>
                </c:pt>
                <c:pt idx="1007">
                  <c:v>1007</c:v>
                </c:pt>
                <c:pt idx="1008">
                  <c:v>1008</c:v>
                </c:pt>
                <c:pt idx="1009">
                  <c:v>1009</c:v>
                </c:pt>
                <c:pt idx="1010">
                  <c:v>1010</c:v>
                </c:pt>
                <c:pt idx="1011">
                  <c:v>1011</c:v>
                </c:pt>
                <c:pt idx="1012">
                  <c:v>1012</c:v>
                </c:pt>
                <c:pt idx="1013">
                  <c:v>1013</c:v>
                </c:pt>
                <c:pt idx="1014">
                  <c:v>1014</c:v>
                </c:pt>
                <c:pt idx="1015">
                  <c:v>1015</c:v>
                </c:pt>
                <c:pt idx="1016">
                  <c:v>1016</c:v>
                </c:pt>
                <c:pt idx="1017">
                  <c:v>1017</c:v>
                </c:pt>
                <c:pt idx="1018">
                  <c:v>1018</c:v>
                </c:pt>
                <c:pt idx="1019">
                  <c:v>1019</c:v>
                </c:pt>
                <c:pt idx="1020">
                  <c:v>1020</c:v>
                </c:pt>
                <c:pt idx="1021">
                  <c:v>1021</c:v>
                </c:pt>
                <c:pt idx="1022">
                  <c:v>1022</c:v>
                </c:pt>
                <c:pt idx="1023">
                  <c:v>1023</c:v>
                </c:pt>
                <c:pt idx="1024">
                  <c:v>1024</c:v>
                </c:pt>
                <c:pt idx="1025">
                  <c:v>1025</c:v>
                </c:pt>
                <c:pt idx="1026">
                  <c:v>1026</c:v>
                </c:pt>
                <c:pt idx="1027">
                  <c:v>1027</c:v>
                </c:pt>
                <c:pt idx="1028">
                  <c:v>1028</c:v>
                </c:pt>
                <c:pt idx="1029">
                  <c:v>1029</c:v>
                </c:pt>
                <c:pt idx="1030">
                  <c:v>1030</c:v>
                </c:pt>
                <c:pt idx="1031">
                  <c:v>1031</c:v>
                </c:pt>
                <c:pt idx="1032">
                  <c:v>1032</c:v>
                </c:pt>
                <c:pt idx="1033">
                  <c:v>1033</c:v>
                </c:pt>
                <c:pt idx="1034">
                  <c:v>1034</c:v>
                </c:pt>
                <c:pt idx="1035">
                  <c:v>1035</c:v>
                </c:pt>
                <c:pt idx="1036">
                  <c:v>1036</c:v>
                </c:pt>
                <c:pt idx="1037">
                  <c:v>1037</c:v>
                </c:pt>
                <c:pt idx="1038">
                  <c:v>1038</c:v>
                </c:pt>
                <c:pt idx="1039">
                  <c:v>1039</c:v>
                </c:pt>
                <c:pt idx="1040">
                  <c:v>1040</c:v>
                </c:pt>
                <c:pt idx="1041">
                  <c:v>1041</c:v>
                </c:pt>
                <c:pt idx="1042">
                  <c:v>1042</c:v>
                </c:pt>
                <c:pt idx="1043">
                  <c:v>1043</c:v>
                </c:pt>
                <c:pt idx="1044">
                  <c:v>1044</c:v>
                </c:pt>
                <c:pt idx="1045">
                  <c:v>1045</c:v>
                </c:pt>
                <c:pt idx="1046">
                  <c:v>1046</c:v>
                </c:pt>
                <c:pt idx="1047">
                  <c:v>1047</c:v>
                </c:pt>
                <c:pt idx="1048">
                  <c:v>1048</c:v>
                </c:pt>
                <c:pt idx="1049">
                  <c:v>1049</c:v>
                </c:pt>
                <c:pt idx="1050">
                  <c:v>1050</c:v>
                </c:pt>
                <c:pt idx="1051">
                  <c:v>1051</c:v>
                </c:pt>
                <c:pt idx="1052">
                  <c:v>1052</c:v>
                </c:pt>
                <c:pt idx="1053">
                  <c:v>1053</c:v>
                </c:pt>
                <c:pt idx="1054">
                  <c:v>1054</c:v>
                </c:pt>
                <c:pt idx="1055">
                  <c:v>1055</c:v>
                </c:pt>
                <c:pt idx="1056">
                  <c:v>1056</c:v>
                </c:pt>
                <c:pt idx="1057">
                  <c:v>1057</c:v>
                </c:pt>
                <c:pt idx="1058">
                  <c:v>1058</c:v>
                </c:pt>
                <c:pt idx="1059">
                  <c:v>1059</c:v>
                </c:pt>
                <c:pt idx="1060">
                  <c:v>1060</c:v>
                </c:pt>
                <c:pt idx="1061">
                  <c:v>1061</c:v>
                </c:pt>
                <c:pt idx="1062">
                  <c:v>1062</c:v>
                </c:pt>
                <c:pt idx="1063">
                  <c:v>1063</c:v>
                </c:pt>
                <c:pt idx="1064">
                  <c:v>1064</c:v>
                </c:pt>
                <c:pt idx="1065">
                  <c:v>1065</c:v>
                </c:pt>
                <c:pt idx="1066">
                  <c:v>1066</c:v>
                </c:pt>
                <c:pt idx="1067">
                  <c:v>1067</c:v>
                </c:pt>
                <c:pt idx="1068">
                  <c:v>1068</c:v>
                </c:pt>
                <c:pt idx="1069">
                  <c:v>1069</c:v>
                </c:pt>
                <c:pt idx="1070">
                  <c:v>1070</c:v>
                </c:pt>
                <c:pt idx="1071">
                  <c:v>1071</c:v>
                </c:pt>
                <c:pt idx="1072">
                  <c:v>1072</c:v>
                </c:pt>
                <c:pt idx="1073">
                  <c:v>1073</c:v>
                </c:pt>
                <c:pt idx="1074">
                  <c:v>1074</c:v>
                </c:pt>
                <c:pt idx="1075">
                  <c:v>1075</c:v>
                </c:pt>
                <c:pt idx="1076">
                  <c:v>1076</c:v>
                </c:pt>
                <c:pt idx="1077">
                  <c:v>1077</c:v>
                </c:pt>
                <c:pt idx="1078">
                  <c:v>1078</c:v>
                </c:pt>
                <c:pt idx="1079">
                  <c:v>1079</c:v>
                </c:pt>
                <c:pt idx="1080">
                  <c:v>1080</c:v>
                </c:pt>
                <c:pt idx="1081">
                  <c:v>1081</c:v>
                </c:pt>
                <c:pt idx="1082">
                  <c:v>1082</c:v>
                </c:pt>
                <c:pt idx="1083">
                  <c:v>1083</c:v>
                </c:pt>
                <c:pt idx="1084">
                  <c:v>1084</c:v>
                </c:pt>
                <c:pt idx="1085">
                  <c:v>1085</c:v>
                </c:pt>
                <c:pt idx="1086">
                  <c:v>1086</c:v>
                </c:pt>
                <c:pt idx="1087">
                  <c:v>1087</c:v>
                </c:pt>
                <c:pt idx="1088">
                  <c:v>1088</c:v>
                </c:pt>
                <c:pt idx="1089">
                  <c:v>1089</c:v>
                </c:pt>
                <c:pt idx="1090">
                  <c:v>1090</c:v>
                </c:pt>
                <c:pt idx="1091">
                  <c:v>1091</c:v>
                </c:pt>
                <c:pt idx="1092">
                  <c:v>1092</c:v>
                </c:pt>
                <c:pt idx="1093">
                  <c:v>1093</c:v>
                </c:pt>
                <c:pt idx="1094">
                  <c:v>1094</c:v>
                </c:pt>
                <c:pt idx="1095">
                  <c:v>1095</c:v>
                </c:pt>
                <c:pt idx="1096">
                  <c:v>1096</c:v>
                </c:pt>
                <c:pt idx="1097">
                  <c:v>1097</c:v>
                </c:pt>
                <c:pt idx="1098">
                  <c:v>1098</c:v>
                </c:pt>
                <c:pt idx="1099">
                  <c:v>1099</c:v>
                </c:pt>
                <c:pt idx="1100">
                  <c:v>1100</c:v>
                </c:pt>
                <c:pt idx="1101">
                  <c:v>1101</c:v>
                </c:pt>
                <c:pt idx="1102">
                  <c:v>1102</c:v>
                </c:pt>
                <c:pt idx="1103">
                  <c:v>1103</c:v>
                </c:pt>
                <c:pt idx="1104">
                  <c:v>1104</c:v>
                </c:pt>
                <c:pt idx="1105">
                  <c:v>1105</c:v>
                </c:pt>
                <c:pt idx="1106">
                  <c:v>1106</c:v>
                </c:pt>
                <c:pt idx="1107">
                  <c:v>1107</c:v>
                </c:pt>
                <c:pt idx="1108">
                  <c:v>1108</c:v>
                </c:pt>
                <c:pt idx="1109">
                  <c:v>1109</c:v>
                </c:pt>
                <c:pt idx="1110">
                  <c:v>1110</c:v>
                </c:pt>
                <c:pt idx="1111">
                  <c:v>1111</c:v>
                </c:pt>
                <c:pt idx="1112">
                  <c:v>1112</c:v>
                </c:pt>
                <c:pt idx="1113">
                  <c:v>1113</c:v>
                </c:pt>
                <c:pt idx="1114">
                  <c:v>1114</c:v>
                </c:pt>
                <c:pt idx="1115">
                  <c:v>1115</c:v>
                </c:pt>
                <c:pt idx="1116">
                  <c:v>1116</c:v>
                </c:pt>
                <c:pt idx="1117">
                  <c:v>1117</c:v>
                </c:pt>
                <c:pt idx="1118">
                  <c:v>1118</c:v>
                </c:pt>
                <c:pt idx="1119">
                  <c:v>1119</c:v>
                </c:pt>
                <c:pt idx="1120">
                  <c:v>1120</c:v>
                </c:pt>
                <c:pt idx="1121">
                  <c:v>1121</c:v>
                </c:pt>
                <c:pt idx="1122">
                  <c:v>1122</c:v>
                </c:pt>
                <c:pt idx="1123">
                  <c:v>1123</c:v>
                </c:pt>
                <c:pt idx="1124">
                  <c:v>1124</c:v>
                </c:pt>
                <c:pt idx="1125">
                  <c:v>1125</c:v>
                </c:pt>
                <c:pt idx="1126">
                  <c:v>1126</c:v>
                </c:pt>
                <c:pt idx="1127">
                  <c:v>1127</c:v>
                </c:pt>
                <c:pt idx="1128">
                  <c:v>1128</c:v>
                </c:pt>
                <c:pt idx="1129">
                  <c:v>1129</c:v>
                </c:pt>
                <c:pt idx="1130">
                  <c:v>1130</c:v>
                </c:pt>
                <c:pt idx="1131">
                  <c:v>1131</c:v>
                </c:pt>
                <c:pt idx="1132">
                  <c:v>1132</c:v>
                </c:pt>
                <c:pt idx="1133">
                  <c:v>1133</c:v>
                </c:pt>
                <c:pt idx="1134">
                  <c:v>1134</c:v>
                </c:pt>
                <c:pt idx="1135">
                  <c:v>1135</c:v>
                </c:pt>
                <c:pt idx="1136">
                  <c:v>1136</c:v>
                </c:pt>
                <c:pt idx="1137">
                  <c:v>1137</c:v>
                </c:pt>
                <c:pt idx="1138">
                  <c:v>1138</c:v>
                </c:pt>
                <c:pt idx="1139">
                  <c:v>1139</c:v>
                </c:pt>
                <c:pt idx="1140">
                  <c:v>1140</c:v>
                </c:pt>
                <c:pt idx="1141">
                  <c:v>1141</c:v>
                </c:pt>
                <c:pt idx="1142">
                  <c:v>1142</c:v>
                </c:pt>
                <c:pt idx="1143">
                  <c:v>1143</c:v>
                </c:pt>
                <c:pt idx="1144">
                  <c:v>1144</c:v>
                </c:pt>
                <c:pt idx="1145">
                  <c:v>1145</c:v>
                </c:pt>
                <c:pt idx="1146">
                  <c:v>1146</c:v>
                </c:pt>
                <c:pt idx="1147">
                  <c:v>1147</c:v>
                </c:pt>
                <c:pt idx="1148">
                  <c:v>1148</c:v>
                </c:pt>
                <c:pt idx="1149">
                  <c:v>1149</c:v>
                </c:pt>
                <c:pt idx="1150">
                  <c:v>1150</c:v>
                </c:pt>
                <c:pt idx="1151">
                  <c:v>1151</c:v>
                </c:pt>
                <c:pt idx="1152">
                  <c:v>1152</c:v>
                </c:pt>
                <c:pt idx="1153">
                  <c:v>1153</c:v>
                </c:pt>
                <c:pt idx="1154">
                  <c:v>1154</c:v>
                </c:pt>
                <c:pt idx="1155">
                  <c:v>1155</c:v>
                </c:pt>
                <c:pt idx="1156">
                  <c:v>1156</c:v>
                </c:pt>
                <c:pt idx="1157">
                  <c:v>1157</c:v>
                </c:pt>
                <c:pt idx="1158">
                  <c:v>1158</c:v>
                </c:pt>
                <c:pt idx="1159">
                  <c:v>1159</c:v>
                </c:pt>
                <c:pt idx="1160">
                  <c:v>1160</c:v>
                </c:pt>
                <c:pt idx="1161">
                  <c:v>1161</c:v>
                </c:pt>
                <c:pt idx="1162">
                  <c:v>1162</c:v>
                </c:pt>
                <c:pt idx="1163">
                  <c:v>1163</c:v>
                </c:pt>
                <c:pt idx="1164">
                  <c:v>1164</c:v>
                </c:pt>
                <c:pt idx="1165">
                  <c:v>1165</c:v>
                </c:pt>
                <c:pt idx="1166">
                  <c:v>1166</c:v>
                </c:pt>
                <c:pt idx="1167">
                  <c:v>1167</c:v>
                </c:pt>
                <c:pt idx="1168">
                  <c:v>1168</c:v>
                </c:pt>
                <c:pt idx="1169">
                  <c:v>1169</c:v>
                </c:pt>
                <c:pt idx="1170">
                  <c:v>1170</c:v>
                </c:pt>
                <c:pt idx="1171">
                  <c:v>1171</c:v>
                </c:pt>
                <c:pt idx="1172">
                  <c:v>1172</c:v>
                </c:pt>
                <c:pt idx="1173">
                  <c:v>1173</c:v>
                </c:pt>
                <c:pt idx="1174">
                  <c:v>1174</c:v>
                </c:pt>
                <c:pt idx="1175">
                  <c:v>1175</c:v>
                </c:pt>
                <c:pt idx="1176">
                  <c:v>1176</c:v>
                </c:pt>
                <c:pt idx="1177">
                  <c:v>1177</c:v>
                </c:pt>
                <c:pt idx="1178">
                  <c:v>1178</c:v>
                </c:pt>
                <c:pt idx="1179">
                  <c:v>1179</c:v>
                </c:pt>
                <c:pt idx="1180">
                  <c:v>1180</c:v>
                </c:pt>
                <c:pt idx="1181">
                  <c:v>1181</c:v>
                </c:pt>
                <c:pt idx="1182">
                  <c:v>1182</c:v>
                </c:pt>
                <c:pt idx="1183">
                  <c:v>1183</c:v>
                </c:pt>
                <c:pt idx="1184">
                  <c:v>1184</c:v>
                </c:pt>
                <c:pt idx="1185">
                  <c:v>1185</c:v>
                </c:pt>
                <c:pt idx="1186">
                  <c:v>1186</c:v>
                </c:pt>
                <c:pt idx="1187">
                  <c:v>1187</c:v>
                </c:pt>
                <c:pt idx="1188">
                  <c:v>1188</c:v>
                </c:pt>
                <c:pt idx="1189">
                  <c:v>1189</c:v>
                </c:pt>
                <c:pt idx="1190">
                  <c:v>1190</c:v>
                </c:pt>
                <c:pt idx="1191">
                  <c:v>1191</c:v>
                </c:pt>
                <c:pt idx="1192">
                  <c:v>1192</c:v>
                </c:pt>
                <c:pt idx="1193">
                  <c:v>1193</c:v>
                </c:pt>
                <c:pt idx="1194">
                  <c:v>1194</c:v>
                </c:pt>
                <c:pt idx="1195">
                  <c:v>1195</c:v>
                </c:pt>
                <c:pt idx="1196">
                  <c:v>1196</c:v>
                </c:pt>
                <c:pt idx="1197">
                  <c:v>1197</c:v>
                </c:pt>
                <c:pt idx="1198">
                  <c:v>1198</c:v>
                </c:pt>
                <c:pt idx="1199">
                  <c:v>1199</c:v>
                </c:pt>
                <c:pt idx="1200">
                  <c:v>1200</c:v>
                </c:pt>
                <c:pt idx="1201">
                  <c:v>1201</c:v>
                </c:pt>
                <c:pt idx="1202">
                  <c:v>1202</c:v>
                </c:pt>
                <c:pt idx="1203">
                  <c:v>1203</c:v>
                </c:pt>
                <c:pt idx="1204">
                  <c:v>1204</c:v>
                </c:pt>
                <c:pt idx="1205">
                  <c:v>1205</c:v>
                </c:pt>
                <c:pt idx="1206">
                  <c:v>1206</c:v>
                </c:pt>
                <c:pt idx="1207">
                  <c:v>1207</c:v>
                </c:pt>
                <c:pt idx="1208">
                  <c:v>1208</c:v>
                </c:pt>
                <c:pt idx="1209">
                  <c:v>1209</c:v>
                </c:pt>
                <c:pt idx="1210">
                  <c:v>1210</c:v>
                </c:pt>
                <c:pt idx="1211">
                  <c:v>1211</c:v>
                </c:pt>
                <c:pt idx="1212">
                  <c:v>1212</c:v>
                </c:pt>
                <c:pt idx="1213">
                  <c:v>1213</c:v>
                </c:pt>
                <c:pt idx="1214">
                  <c:v>1214</c:v>
                </c:pt>
                <c:pt idx="1215">
                  <c:v>1215</c:v>
                </c:pt>
                <c:pt idx="1216">
                  <c:v>1216</c:v>
                </c:pt>
                <c:pt idx="1217">
                  <c:v>1217</c:v>
                </c:pt>
                <c:pt idx="1218">
                  <c:v>1218</c:v>
                </c:pt>
                <c:pt idx="1219">
                  <c:v>1219</c:v>
                </c:pt>
                <c:pt idx="1220">
                  <c:v>1220</c:v>
                </c:pt>
                <c:pt idx="1221">
                  <c:v>1221</c:v>
                </c:pt>
                <c:pt idx="1222">
                  <c:v>1222</c:v>
                </c:pt>
                <c:pt idx="1223">
                  <c:v>1223</c:v>
                </c:pt>
                <c:pt idx="1224">
                  <c:v>1224</c:v>
                </c:pt>
                <c:pt idx="1225">
                  <c:v>1225</c:v>
                </c:pt>
                <c:pt idx="1226">
                  <c:v>1226</c:v>
                </c:pt>
                <c:pt idx="1227">
                  <c:v>1227</c:v>
                </c:pt>
                <c:pt idx="1228">
                  <c:v>1228</c:v>
                </c:pt>
                <c:pt idx="1229">
                  <c:v>1229</c:v>
                </c:pt>
                <c:pt idx="1230">
                  <c:v>1230</c:v>
                </c:pt>
                <c:pt idx="1231">
                  <c:v>1231</c:v>
                </c:pt>
                <c:pt idx="1232">
                  <c:v>1232</c:v>
                </c:pt>
                <c:pt idx="1233">
                  <c:v>1233</c:v>
                </c:pt>
                <c:pt idx="1234">
                  <c:v>1234</c:v>
                </c:pt>
                <c:pt idx="1235">
                  <c:v>1235</c:v>
                </c:pt>
                <c:pt idx="1236">
                  <c:v>1236</c:v>
                </c:pt>
                <c:pt idx="1237">
                  <c:v>1237</c:v>
                </c:pt>
                <c:pt idx="1238">
                  <c:v>1238</c:v>
                </c:pt>
                <c:pt idx="1239">
                  <c:v>1239</c:v>
                </c:pt>
                <c:pt idx="1240">
                  <c:v>1240</c:v>
                </c:pt>
                <c:pt idx="1241">
                  <c:v>1241</c:v>
                </c:pt>
                <c:pt idx="1242">
                  <c:v>1242</c:v>
                </c:pt>
                <c:pt idx="1243">
                  <c:v>1243</c:v>
                </c:pt>
                <c:pt idx="1244">
                  <c:v>1244</c:v>
                </c:pt>
                <c:pt idx="1245">
                  <c:v>1245</c:v>
                </c:pt>
                <c:pt idx="1246">
                  <c:v>1246</c:v>
                </c:pt>
                <c:pt idx="1247">
                  <c:v>1247</c:v>
                </c:pt>
                <c:pt idx="1248">
                  <c:v>1248</c:v>
                </c:pt>
                <c:pt idx="1249">
                  <c:v>1249</c:v>
                </c:pt>
                <c:pt idx="1250">
                  <c:v>1250</c:v>
                </c:pt>
                <c:pt idx="1251">
                  <c:v>1251</c:v>
                </c:pt>
                <c:pt idx="1252">
                  <c:v>1252</c:v>
                </c:pt>
                <c:pt idx="1253">
                  <c:v>1253</c:v>
                </c:pt>
                <c:pt idx="1254">
                  <c:v>1254</c:v>
                </c:pt>
                <c:pt idx="1255">
                  <c:v>1255</c:v>
                </c:pt>
                <c:pt idx="1256">
                  <c:v>1256</c:v>
                </c:pt>
                <c:pt idx="1257">
                  <c:v>1257</c:v>
                </c:pt>
                <c:pt idx="1258">
                  <c:v>1258</c:v>
                </c:pt>
                <c:pt idx="1259">
                  <c:v>1259</c:v>
                </c:pt>
                <c:pt idx="1260">
                  <c:v>1260</c:v>
                </c:pt>
                <c:pt idx="1261">
                  <c:v>1261</c:v>
                </c:pt>
                <c:pt idx="1262">
                  <c:v>1262</c:v>
                </c:pt>
                <c:pt idx="1263">
                  <c:v>1263</c:v>
                </c:pt>
                <c:pt idx="1264">
                  <c:v>1264</c:v>
                </c:pt>
                <c:pt idx="1265">
                  <c:v>1265</c:v>
                </c:pt>
                <c:pt idx="1266">
                  <c:v>1266</c:v>
                </c:pt>
                <c:pt idx="1267">
                  <c:v>1267</c:v>
                </c:pt>
                <c:pt idx="1268">
                  <c:v>1268</c:v>
                </c:pt>
                <c:pt idx="1269">
                  <c:v>1269</c:v>
                </c:pt>
                <c:pt idx="1270">
                  <c:v>1270</c:v>
                </c:pt>
                <c:pt idx="1271">
                  <c:v>1271</c:v>
                </c:pt>
                <c:pt idx="1272">
                  <c:v>1272</c:v>
                </c:pt>
                <c:pt idx="1273">
                  <c:v>1273</c:v>
                </c:pt>
                <c:pt idx="1274">
                  <c:v>1274</c:v>
                </c:pt>
                <c:pt idx="1275">
                  <c:v>1275</c:v>
                </c:pt>
                <c:pt idx="1276">
                  <c:v>1276</c:v>
                </c:pt>
                <c:pt idx="1277">
                  <c:v>1277</c:v>
                </c:pt>
                <c:pt idx="1278">
                  <c:v>1278</c:v>
                </c:pt>
                <c:pt idx="1279">
                  <c:v>1279</c:v>
                </c:pt>
                <c:pt idx="1280">
                  <c:v>1280</c:v>
                </c:pt>
                <c:pt idx="1281">
                  <c:v>1281</c:v>
                </c:pt>
                <c:pt idx="1282">
                  <c:v>1282</c:v>
                </c:pt>
                <c:pt idx="1283">
                  <c:v>1283</c:v>
                </c:pt>
                <c:pt idx="1284">
                  <c:v>1284</c:v>
                </c:pt>
                <c:pt idx="1285">
                  <c:v>1285</c:v>
                </c:pt>
                <c:pt idx="1286">
                  <c:v>1286</c:v>
                </c:pt>
                <c:pt idx="1287">
                  <c:v>1287</c:v>
                </c:pt>
                <c:pt idx="1288">
                  <c:v>1288</c:v>
                </c:pt>
                <c:pt idx="1289">
                  <c:v>1289</c:v>
                </c:pt>
                <c:pt idx="1290">
                  <c:v>1290</c:v>
                </c:pt>
                <c:pt idx="1291">
                  <c:v>1291</c:v>
                </c:pt>
                <c:pt idx="1292">
                  <c:v>1292</c:v>
                </c:pt>
                <c:pt idx="1293">
                  <c:v>1293</c:v>
                </c:pt>
                <c:pt idx="1294">
                  <c:v>1294</c:v>
                </c:pt>
                <c:pt idx="1295">
                  <c:v>1295</c:v>
                </c:pt>
                <c:pt idx="1296">
                  <c:v>1296</c:v>
                </c:pt>
                <c:pt idx="1297">
                  <c:v>1297</c:v>
                </c:pt>
                <c:pt idx="1298">
                  <c:v>1298</c:v>
                </c:pt>
                <c:pt idx="1299">
                  <c:v>1299</c:v>
                </c:pt>
                <c:pt idx="1300">
                  <c:v>1300</c:v>
                </c:pt>
                <c:pt idx="1301">
                  <c:v>1301</c:v>
                </c:pt>
                <c:pt idx="1302">
                  <c:v>1302</c:v>
                </c:pt>
                <c:pt idx="1303">
                  <c:v>1303</c:v>
                </c:pt>
                <c:pt idx="1304">
                  <c:v>1304</c:v>
                </c:pt>
                <c:pt idx="1305">
                  <c:v>1305</c:v>
                </c:pt>
                <c:pt idx="1306">
                  <c:v>1306</c:v>
                </c:pt>
                <c:pt idx="1307">
                  <c:v>1307</c:v>
                </c:pt>
                <c:pt idx="1308">
                  <c:v>1308</c:v>
                </c:pt>
                <c:pt idx="1309">
                  <c:v>1309</c:v>
                </c:pt>
                <c:pt idx="1310">
                  <c:v>1310</c:v>
                </c:pt>
                <c:pt idx="1311">
                  <c:v>1311</c:v>
                </c:pt>
                <c:pt idx="1312">
                  <c:v>1312</c:v>
                </c:pt>
                <c:pt idx="1313">
                  <c:v>1313</c:v>
                </c:pt>
                <c:pt idx="1314">
                  <c:v>1314</c:v>
                </c:pt>
                <c:pt idx="1315">
                  <c:v>1315</c:v>
                </c:pt>
                <c:pt idx="1316">
                  <c:v>1316</c:v>
                </c:pt>
                <c:pt idx="1317">
                  <c:v>1317</c:v>
                </c:pt>
                <c:pt idx="1318">
                  <c:v>1318</c:v>
                </c:pt>
                <c:pt idx="1319">
                  <c:v>1319</c:v>
                </c:pt>
                <c:pt idx="1320">
                  <c:v>1320</c:v>
                </c:pt>
                <c:pt idx="1321">
                  <c:v>1321</c:v>
                </c:pt>
                <c:pt idx="1322">
                  <c:v>1322</c:v>
                </c:pt>
                <c:pt idx="1323">
                  <c:v>1323</c:v>
                </c:pt>
                <c:pt idx="1324">
                  <c:v>1324</c:v>
                </c:pt>
                <c:pt idx="1325">
                  <c:v>1325</c:v>
                </c:pt>
                <c:pt idx="1326">
                  <c:v>1326</c:v>
                </c:pt>
                <c:pt idx="1327">
                  <c:v>1327</c:v>
                </c:pt>
                <c:pt idx="1328">
                  <c:v>1328</c:v>
                </c:pt>
                <c:pt idx="1329">
                  <c:v>1329</c:v>
                </c:pt>
                <c:pt idx="1330">
                  <c:v>1330</c:v>
                </c:pt>
                <c:pt idx="1331">
                  <c:v>1331</c:v>
                </c:pt>
                <c:pt idx="1332">
                  <c:v>1332</c:v>
                </c:pt>
                <c:pt idx="1333">
                  <c:v>1333</c:v>
                </c:pt>
                <c:pt idx="1334">
                  <c:v>1334</c:v>
                </c:pt>
                <c:pt idx="1335">
                  <c:v>1335</c:v>
                </c:pt>
                <c:pt idx="1336">
                  <c:v>1336</c:v>
                </c:pt>
                <c:pt idx="1337">
                  <c:v>1337</c:v>
                </c:pt>
                <c:pt idx="1338">
                  <c:v>1338</c:v>
                </c:pt>
                <c:pt idx="1339">
                  <c:v>1339</c:v>
                </c:pt>
                <c:pt idx="1340">
                  <c:v>1340</c:v>
                </c:pt>
                <c:pt idx="1341">
                  <c:v>1341</c:v>
                </c:pt>
                <c:pt idx="1342">
                  <c:v>1342</c:v>
                </c:pt>
                <c:pt idx="1343">
                  <c:v>1343</c:v>
                </c:pt>
                <c:pt idx="1344">
                  <c:v>1344</c:v>
                </c:pt>
                <c:pt idx="1345">
                  <c:v>1345</c:v>
                </c:pt>
                <c:pt idx="1346">
                  <c:v>1346</c:v>
                </c:pt>
                <c:pt idx="1347">
                  <c:v>1347</c:v>
                </c:pt>
                <c:pt idx="1348">
                  <c:v>1348</c:v>
                </c:pt>
                <c:pt idx="1349">
                  <c:v>1349</c:v>
                </c:pt>
                <c:pt idx="1350">
                  <c:v>1350</c:v>
                </c:pt>
                <c:pt idx="1351">
                  <c:v>1351</c:v>
                </c:pt>
                <c:pt idx="1352">
                  <c:v>1352</c:v>
                </c:pt>
                <c:pt idx="1353">
                  <c:v>1353</c:v>
                </c:pt>
                <c:pt idx="1354">
                  <c:v>1354</c:v>
                </c:pt>
                <c:pt idx="1355">
                  <c:v>1355</c:v>
                </c:pt>
                <c:pt idx="1356">
                  <c:v>1356</c:v>
                </c:pt>
                <c:pt idx="1357">
                  <c:v>1357</c:v>
                </c:pt>
                <c:pt idx="1358">
                  <c:v>1358</c:v>
                </c:pt>
                <c:pt idx="1359">
                  <c:v>1359</c:v>
                </c:pt>
                <c:pt idx="1360">
                  <c:v>1360</c:v>
                </c:pt>
                <c:pt idx="1361">
                  <c:v>1361</c:v>
                </c:pt>
                <c:pt idx="1362">
                  <c:v>1362</c:v>
                </c:pt>
                <c:pt idx="1363">
                  <c:v>1363</c:v>
                </c:pt>
                <c:pt idx="1364">
                  <c:v>1364</c:v>
                </c:pt>
                <c:pt idx="1365">
                  <c:v>1365</c:v>
                </c:pt>
                <c:pt idx="1366">
                  <c:v>1366</c:v>
                </c:pt>
                <c:pt idx="1367">
                  <c:v>1367</c:v>
                </c:pt>
                <c:pt idx="1368">
                  <c:v>1368</c:v>
                </c:pt>
                <c:pt idx="1369">
                  <c:v>1369</c:v>
                </c:pt>
                <c:pt idx="1370">
                  <c:v>1370</c:v>
                </c:pt>
                <c:pt idx="1371">
                  <c:v>1371</c:v>
                </c:pt>
                <c:pt idx="1372">
                  <c:v>1372</c:v>
                </c:pt>
                <c:pt idx="1373">
                  <c:v>1373</c:v>
                </c:pt>
                <c:pt idx="1374">
                  <c:v>1374</c:v>
                </c:pt>
                <c:pt idx="1375">
                  <c:v>1375</c:v>
                </c:pt>
                <c:pt idx="1376">
                  <c:v>1376</c:v>
                </c:pt>
                <c:pt idx="1377">
                  <c:v>1377</c:v>
                </c:pt>
                <c:pt idx="1378">
                  <c:v>1378</c:v>
                </c:pt>
                <c:pt idx="1379">
                  <c:v>1379</c:v>
                </c:pt>
                <c:pt idx="1380">
                  <c:v>1380</c:v>
                </c:pt>
                <c:pt idx="1381">
                  <c:v>1381</c:v>
                </c:pt>
                <c:pt idx="1382">
                  <c:v>1382</c:v>
                </c:pt>
                <c:pt idx="1383">
                  <c:v>1383</c:v>
                </c:pt>
                <c:pt idx="1384">
                  <c:v>1384</c:v>
                </c:pt>
                <c:pt idx="1385">
                  <c:v>1385</c:v>
                </c:pt>
                <c:pt idx="1386">
                  <c:v>1386</c:v>
                </c:pt>
                <c:pt idx="1387">
                  <c:v>1387</c:v>
                </c:pt>
                <c:pt idx="1388">
                  <c:v>1388</c:v>
                </c:pt>
                <c:pt idx="1389">
                  <c:v>1389</c:v>
                </c:pt>
                <c:pt idx="1390">
                  <c:v>1390</c:v>
                </c:pt>
                <c:pt idx="1391">
                  <c:v>1391</c:v>
                </c:pt>
                <c:pt idx="1392">
                  <c:v>1392</c:v>
                </c:pt>
                <c:pt idx="1393">
                  <c:v>1393</c:v>
                </c:pt>
                <c:pt idx="1394">
                  <c:v>1394</c:v>
                </c:pt>
                <c:pt idx="1395">
                  <c:v>1395</c:v>
                </c:pt>
                <c:pt idx="1396">
                  <c:v>1396</c:v>
                </c:pt>
                <c:pt idx="1397">
                  <c:v>1397</c:v>
                </c:pt>
                <c:pt idx="1398">
                  <c:v>1398</c:v>
                </c:pt>
                <c:pt idx="1399">
                  <c:v>1399</c:v>
                </c:pt>
                <c:pt idx="1400">
                  <c:v>1400</c:v>
                </c:pt>
                <c:pt idx="1401">
                  <c:v>1401</c:v>
                </c:pt>
                <c:pt idx="1402">
                  <c:v>1402</c:v>
                </c:pt>
                <c:pt idx="1403">
                  <c:v>1403</c:v>
                </c:pt>
                <c:pt idx="1404">
                  <c:v>1404</c:v>
                </c:pt>
                <c:pt idx="1405">
                  <c:v>1405</c:v>
                </c:pt>
                <c:pt idx="1406">
                  <c:v>1406</c:v>
                </c:pt>
                <c:pt idx="1407">
                  <c:v>1407</c:v>
                </c:pt>
                <c:pt idx="1408">
                  <c:v>1408</c:v>
                </c:pt>
                <c:pt idx="1409">
                  <c:v>1409</c:v>
                </c:pt>
                <c:pt idx="1410">
                  <c:v>1410</c:v>
                </c:pt>
                <c:pt idx="1411">
                  <c:v>1411</c:v>
                </c:pt>
                <c:pt idx="1412">
                  <c:v>1412</c:v>
                </c:pt>
                <c:pt idx="1413">
                  <c:v>1413</c:v>
                </c:pt>
                <c:pt idx="1414">
                  <c:v>1414</c:v>
                </c:pt>
                <c:pt idx="1415">
                  <c:v>1415</c:v>
                </c:pt>
                <c:pt idx="1416">
                  <c:v>1416</c:v>
                </c:pt>
                <c:pt idx="1417">
                  <c:v>1417</c:v>
                </c:pt>
                <c:pt idx="1418">
                  <c:v>1418</c:v>
                </c:pt>
                <c:pt idx="1419">
                  <c:v>1419</c:v>
                </c:pt>
                <c:pt idx="1420">
                  <c:v>1420</c:v>
                </c:pt>
                <c:pt idx="1421">
                  <c:v>1421</c:v>
                </c:pt>
                <c:pt idx="1422">
                  <c:v>1422</c:v>
                </c:pt>
                <c:pt idx="1423">
                  <c:v>1423</c:v>
                </c:pt>
                <c:pt idx="1424">
                  <c:v>1424</c:v>
                </c:pt>
                <c:pt idx="1425">
                  <c:v>1425</c:v>
                </c:pt>
                <c:pt idx="1426">
                  <c:v>1426</c:v>
                </c:pt>
                <c:pt idx="1427">
                  <c:v>1427</c:v>
                </c:pt>
                <c:pt idx="1428">
                  <c:v>1428</c:v>
                </c:pt>
                <c:pt idx="1429">
                  <c:v>1429</c:v>
                </c:pt>
                <c:pt idx="1430">
                  <c:v>1430</c:v>
                </c:pt>
                <c:pt idx="1431">
                  <c:v>1431</c:v>
                </c:pt>
                <c:pt idx="1432">
                  <c:v>1432</c:v>
                </c:pt>
                <c:pt idx="1433">
                  <c:v>1433</c:v>
                </c:pt>
                <c:pt idx="1434">
                  <c:v>1434</c:v>
                </c:pt>
                <c:pt idx="1435">
                  <c:v>1435</c:v>
                </c:pt>
                <c:pt idx="1436">
                  <c:v>1436</c:v>
                </c:pt>
                <c:pt idx="1437">
                  <c:v>1437</c:v>
                </c:pt>
                <c:pt idx="1438">
                  <c:v>1438</c:v>
                </c:pt>
                <c:pt idx="1439">
                  <c:v>1439</c:v>
                </c:pt>
                <c:pt idx="1440">
                  <c:v>1440</c:v>
                </c:pt>
                <c:pt idx="1441">
                  <c:v>1441</c:v>
                </c:pt>
                <c:pt idx="1442">
                  <c:v>1442</c:v>
                </c:pt>
                <c:pt idx="1443">
                  <c:v>1443</c:v>
                </c:pt>
                <c:pt idx="1444">
                  <c:v>1444</c:v>
                </c:pt>
                <c:pt idx="1445">
                  <c:v>1445</c:v>
                </c:pt>
                <c:pt idx="1446">
                  <c:v>1446</c:v>
                </c:pt>
                <c:pt idx="1447">
                  <c:v>1447</c:v>
                </c:pt>
                <c:pt idx="1448">
                  <c:v>1448</c:v>
                </c:pt>
                <c:pt idx="1449">
                  <c:v>1449</c:v>
                </c:pt>
                <c:pt idx="1450">
                  <c:v>1450</c:v>
                </c:pt>
                <c:pt idx="1451">
                  <c:v>1451</c:v>
                </c:pt>
                <c:pt idx="1452">
                  <c:v>1452</c:v>
                </c:pt>
                <c:pt idx="1453">
                  <c:v>1453</c:v>
                </c:pt>
                <c:pt idx="1454">
                  <c:v>1454</c:v>
                </c:pt>
                <c:pt idx="1455">
                  <c:v>1455</c:v>
                </c:pt>
                <c:pt idx="1456">
                  <c:v>1456</c:v>
                </c:pt>
                <c:pt idx="1457">
                  <c:v>1457</c:v>
                </c:pt>
                <c:pt idx="1458">
                  <c:v>1458</c:v>
                </c:pt>
                <c:pt idx="1459">
                  <c:v>1459</c:v>
                </c:pt>
                <c:pt idx="1460">
                  <c:v>1460</c:v>
                </c:pt>
                <c:pt idx="1461">
                  <c:v>1461</c:v>
                </c:pt>
                <c:pt idx="1462">
                  <c:v>1462</c:v>
                </c:pt>
                <c:pt idx="1463">
                  <c:v>1463</c:v>
                </c:pt>
                <c:pt idx="1464">
                  <c:v>1464</c:v>
                </c:pt>
                <c:pt idx="1465">
                  <c:v>1465</c:v>
                </c:pt>
                <c:pt idx="1466">
                  <c:v>1466</c:v>
                </c:pt>
                <c:pt idx="1467">
                  <c:v>1467</c:v>
                </c:pt>
                <c:pt idx="1468">
                  <c:v>1468</c:v>
                </c:pt>
                <c:pt idx="1469">
                  <c:v>1469</c:v>
                </c:pt>
                <c:pt idx="1470">
                  <c:v>1470</c:v>
                </c:pt>
                <c:pt idx="1471">
                  <c:v>1471</c:v>
                </c:pt>
                <c:pt idx="1472">
                  <c:v>1472</c:v>
                </c:pt>
                <c:pt idx="1473">
                  <c:v>1473</c:v>
                </c:pt>
                <c:pt idx="1474">
                  <c:v>1474</c:v>
                </c:pt>
                <c:pt idx="1475">
                  <c:v>1475</c:v>
                </c:pt>
                <c:pt idx="1476">
                  <c:v>1476</c:v>
                </c:pt>
                <c:pt idx="1477">
                  <c:v>1477</c:v>
                </c:pt>
                <c:pt idx="1478">
                  <c:v>1478</c:v>
                </c:pt>
                <c:pt idx="1479">
                  <c:v>1479</c:v>
                </c:pt>
                <c:pt idx="1480">
                  <c:v>1480</c:v>
                </c:pt>
                <c:pt idx="1481">
                  <c:v>1481</c:v>
                </c:pt>
                <c:pt idx="1482">
                  <c:v>1482</c:v>
                </c:pt>
                <c:pt idx="1483">
                  <c:v>1483</c:v>
                </c:pt>
                <c:pt idx="1484">
                  <c:v>1484</c:v>
                </c:pt>
                <c:pt idx="1485">
                  <c:v>1485</c:v>
                </c:pt>
                <c:pt idx="1486">
                  <c:v>1486</c:v>
                </c:pt>
                <c:pt idx="1487">
                  <c:v>1487</c:v>
                </c:pt>
                <c:pt idx="1488">
                  <c:v>1488</c:v>
                </c:pt>
                <c:pt idx="1489">
                  <c:v>1489</c:v>
                </c:pt>
                <c:pt idx="1490">
                  <c:v>1490</c:v>
                </c:pt>
                <c:pt idx="1491">
                  <c:v>1491</c:v>
                </c:pt>
                <c:pt idx="1492">
                  <c:v>1492</c:v>
                </c:pt>
                <c:pt idx="1493">
                  <c:v>1493</c:v>
                </c:pt>
                <c:pt idx="1494">
                  <c:v>1494</c:v>
                </c:pt>
                <c:pt idx="1495">
                  <c:v>1495</c:v>
                </c:pt>
                <c:pt idx="1496">
                  <c:v>1496</c:v>
                </c:pt>
                <c:pt idx="1497">
                  <c:v>1497</c:v>
                </c:pt>
                <c:pt idx="1498">
                  <c:v>1498</c:v>
                </c:pt>
                <c:pt idx="1499">
                  <c:v>1499</c:v>
                </c:pt>
                <c:pt idx="1500">
                  <c:v>1500</c:v>
                </c:pt>
                <c:pt idx="1501">
                  <c:v>1501</c:v>
                </c:pt>
                <c:pt idx="1502">
                  <c:v>1502</c:v>
                </c:pt>
                <c:pt idx="1503">
                  <c:v>1503</c:v>
                </c:pt>
                <c:pt idx="1504">
                  <c:v>1504</c:v>
                </c:pt>
                <c:pt idx="1505">
                  <c:v>1505</c:v>
                </c:pt>
                <c:pt idx="1506">
                  <c:v>1506</c:v>
                </c:pt>
                <c:pt idx="1507">
                  <c:v>1507</c:v>
                </c:pt>
                <c:pt idx="1508">
                  <c:v>1508</c:v>
                </c:pt>
                <c:pt idx="1509">
                  <c:v>1509</c:v>
                </c:pt>
                <c:pt idx="1510">
                  <c:v>1510</c:v>
                </c:pt>
                <c:pt idx="1511">
                  <c:v>1511</c:v>
                </c:pt>
                <c:pt idx="1512">
                  <c:v>1512</c:v>
                </c:pt>
                <c:pt idx="1513">
                  <c:v>1513</c:v>
                </c:pt>
                <c:pt idx="1514">
                  <c:v>1514</c:v>
                </c:pt>
                <c:pt idx="1515">
                  <c:v>1515</c:v>
                </c:pt>
                <c:pt idx="1516">
                  <c:v>1516</c:v>
                </c:pt>
                <c:pt idx="1517">
                  <c:v>1517</c:v>
                </c:pt>
                <c:pt idx="1518">
                  <c:v>1518</c:v>
                </c:pt>
                <c:pt idx="1519">
                  <c:v>1519</c:v>
                </c:pt>
                <c:pt idx="1520">
                  <c:v>1520</c:v>
                </c:pt>
                <c:pt idx="1521">
                  <c:v>1521</c:v>
                </c:pt>
                <c:pt idx="1522">
                  <c:v>1522</c:v>
                </c:pt>
                <c:pt idx="1523">
                  <c:v>1523</c:v>
                </c:pt>
                <c:pt idx="1524">
                  <c:v>1524</c:v>
                </c:pt>
                <c:pt idx="1525">
                  <c:v>1525</c:v>
                </c:pt>
                <c:pt idx="1526">
                  <c:v>1526</c:v>
                </c:pt>
                <c:pt idx="1527">
                  <c:v>1527</c:v>
                </c:pt>
                <c:pt idx="1528">
                  <c:v>1528</c:v>
                </c:pt>
                <c:pt idx="1529">
                  <c:v>1529</c:v>
                </c:pt>
                <c:pt idx="1530">
                  <c:v>1530</c:v>
                </c:pt>
                <c:pt idx="1531">
                  <c:v>1531</c:v>
                </c:pt>
                <c:pt idx="1532">
                  <c:v>1532</c:v>
                </c:pt>
                <c:pt idx="1533">
                  <c:v>1533</c:v>
                </c:pt>
                <c:pt idx="1534">
                  <c:v>1534</c:v>
                </c:pt>
                <c:pt idx="1535">
                  <c:v>1535</c:v>
                </c:pt>
                <c:pt idx="1536">
                  <c:v>1536</c:v>
                </c:pt>
                <c:pt idx="1537">
                  <c:v>1537</c:v>
                </c:pt>
                <c:pt idx="1538">
                  <c:v>1538</c:v>
                </c:pt>
                <c:pt idx="1539">
                  <c:v>1539</c:v>
                </c:pt>
                <c:pt idx="1540">
                  <c:v>1540</c:v>
                </c:pt>
                <c:pt idx="1541">
                  <c:v>1541</c:v>
                </c:pt>
                <c:pt idx="1542">
                  <c:v>1542</c:v>
                </c:pt>
                <c:pt idx="1543">
                  <c:v>1543</c:v>
                </c:pt>
                <c:pt idx="1544">
                  <c:v>1544</c:v>
                </c:pt>
                <c:pt idx="1545">
                  <c:v>1545</c:v>
                </c:pt>
                <c:pt idx="1546">
                  <c:v>1546</c:v>
                </c:pt>
                <c:pt idx="1547">
                  <c:v>1547</c:v>
                </c:pt>
                <c:pt idx="1548">
                  <c:v>1548</c:v>
                </c:pt>
                <c:pt idx="1549">
                  <c:v>1549</c:v>
                </c:pt>
                <c:pt idx="1550">
                  <c:v>1550</c:v>
                </c:pt>
                <c:pt idx="1551">
                  <c:v>1551</c:v>
                </c:pt>
                <c:pt idx="1552">
                  <c:v>1552</c:v>
                </c:pt>
                <c:pt idx="1553">
                  <c:v>1553</c:v>
                </c:pt>
                <c:pt idx="1554">
                  <c:v>1554</c:v>
                </c:pt>
                <c:pt idx="1555">
                  <c:v>1555</c:v>
                </c:pt>
                <c:pt idx="1556">
                  <c:v>1556</c:v>
                </c:pt>
                <c:pt idx="1557">
                  <c:v>1557</c:v>
                </c:pt>
                <c:pt idx="1558">
                  <c:v>1558</c:v>
                </c:pt>
                <c:pt idx="1559">
                  <c:v>1559</c:v>
                </c:pt>
                <c:pt idx="1560">
                  <c:v>1560</c:v>
                </c:pt>
                <c:pt idx="1561">
                  <c:v>1561</c:v>
                </c:pt>
                <c:pt idx="1562">
                  <c:v>1562</c:v>
                </c:pt>
                <c:pt idx="1563">
                  <c:v>1563</c:v>
                </c:pt>
                <c:pt idx="1564">
                  <c:v>1564</c:v>
                </c:pt>
                <c:pt idx="1565">
                  <c:v>1565</c:v>
                </c:pt>
                <c:pt idx="1566">
                  <c:v>1566</c:v>
                </c:pt>
                <c:pt idx="1567">
                  <c:v>1567</c:v>
                </c:pt>
                <c:pt idx="1568">
                  <c:v>1568</c:v>
                </c:pt>
                <c:pt idx="1569">
                  <c:v>1569</c:v>
                </c:pt>
                <c:pt idx="1570">
                  <c:v>1570</c:v>
                </c:pt>
                <c:pt idx="1571">
                  <c:v>1571</c:v>
                </c:pt>
                <c:pt idx="1572">
                  <c:v>1572</c:v>
                </c:pt>
                <c:pt idx="1573">
                  <c:v>1573</c:v>
                </c:pt>
                <c:pt idx="1574">
                  <c:v>1574</c:v>
                </c:pt>
                <c:pt idx="1575">
                  <c:v>1575</c:v>
                </c:pt>
                <c:pt idx="1576">
                  <c:v>1576</c:v>
                </c:pt>
                <c:pt idx="1577">
                  <c:v>1577</c:v>
                </c:pt>
                <c:pt idx="1578">
                  <c:v>1578</c:v>
                </c:pt>
                <c:pt idx="1579">
                  <c:v>1579</c:v>
                </c:pt>
                <c:pt idx="1580">
                  <c:v>1580</c:v>
                </c:pt>
                <c:pt idx="1581">
                  <c:v>1581</c:v>
                </c:pt>
                <c:pt idx="1582">
                  <c:v>1582</c:v>
                </c:pt>
                <c:pt idx="1583">
                  <c:v>1583</c:v>
                </c:pt>
                <c:pt idx="1584">
                  <c:v>1584</c:v>
                </c:pt>
                <c:pt idx="1585">
                  <c:v>1585</c:v>
                </c:pt>
                <c:pt idx="1586">
                  <c:v>1586</c:v>
                </c:pt>
                <c:pt idx="1587">
                  <c:v>1587</c:v>
                </c:pt>
                <c:pt idx="1588">
                  <c:v>1588</c:v>
                </c:pt>
                <c:pt idx="1589">
                  <c:v>1589</c:v>
                </c:pt>
                <c:pt idx="1590">
                  <c:v>1590</c:v>
                </c:pt>
                <c:pt idx="1591">
                  <c:v>1591</c:v>
                </c:pt>
                <c:pt idx="1592">
                  <c:v>1592</c:v>
                </c:pt>
                <c:pt idx="1593">
                  <c:v>1593</c:v>
                </c:pt>
                <c:pt idx="1594">
                  <c:v>1594</c:v>
                </c:pt>
                <c:pt idx="1595">
                  <c:v>1595</c:v>
                </c:pt>
                <c:pt idx="1596">
                  <c:v>1596</c:v>
                </c:pt>
                <c:pt idx="1597">
                  <c:v>1597</c:v>
                </c:pt>
                <c:pt idx="1598">
                  <c:v>1598</c:v>
                </c:pt>
                <c:pt idx="1599">
                  <c:v>1599</c:v>
                </c:pt>
                <c:pt idx="1600">
                  <c:v>1600</c:v>
                </c:pt>
                <c:pt idx="1601">
                  <c:v>1601</c:v>
                </c:pt>
                <c:pt idx="1602">
                  <c:v>1602</c:v>
                </c:pt>
                <c:pt idx="1603">
                  <c:v>1603</c:v>
                </c:pt>
                <c:pt idx="1604">
                  <c:v>1604</c:v>
                </c:pt>
                <c:pt idx="1605">
                  <c:v>1605</c:v>
                </c:pt>
                <c:pt idx="1606">
                  <c:v>1606</c:v>
                </c:pt>
                <c:pt idx="1607">
                  <c:v>1607</c:v>
                </c:pt>
                <c:pt idx="1608">
                  <c:v>1608</c:v>
                </c:pt>
                <c:pt idx="1609">
                  <c:v>1609</c:v>
                </c:pt>
                <c:pt idx="1610">
                  <c:v>1610</c:v>
                </c:pt>
                <c:pt idx="1611">
                  <c:v>1611</c:v>
                </c:pt>
                <c:pt idx="1612">
                  <c:v>1612</c:v>
                </c:pt>
                <c:pt idx="1613">
                  <c:v>1613</c:v>
                </c:pt>
                <c:pt idx="1614">
                  <c:v>1614</c:v>
                </c:pt>
                <c:pt idx="1615">
                  <c:v>1615</c:v>
                </c:pt>
                <c:pt idx="1616">
                  <c:v>1616</c:v>
                </c:pt>
                <c:pt idx="1617">
                  <c:v>1617</c:v>
                </c:pt>
                <c:pt idx="1618">
                  <c:v>1618</c:v>
                </c:pt>
                <c:pt idx="1619">
                  <c:v>1619</c:v>
                </c:pt>
                <c:pt idx="1620">
                  <c:v>1620</c:v>
                </c:pt>
                <c:pt idx="1621">
                  <c:v>1621</c:v>
                </c:pt>
                <c:pt idx="1622">
                  <c:v>1622</c:v>
                </c:pt>
                <c:pt idx="1623">
                  <c:v>1623</c:v>
                </c:pt>
                <c:pt idx="1624">
                  <c:v>1624</c:v>
                </c:pt>
                <c:pt idx="1625">
                  <c:v>1625</c:v>
                </c:pt>
                <c:pt idx="1626">
                  <c:v>1626</c:v>
                </c:pt>
                <c:pt idx="1627">
                  <c:v>1627</c:v>
                </c:pt>
                <c:pt idx="1628">
                  <c:v>1628</c:v>
                </c:pt>
                <c:pt idx="1629">
                  <c:v>1629</c:v>
                </c:pt>
                <c:pt idx="1630">
                  <c:v>1630</c:v>
                </c:pt>
                <c:pt idx="1631">
                  <c:v>1631</c:v>
                </c:pt>
                <c:pt idx="1632">
                  <c:v>1632</c:v>
                </c:pt>
                <c:pt idx="1633">
                  <c:v>1633</c:v>
                </c:pt>
                <c:pt idx="1634">
                  <c:v>1634</c:v>
                </c:pt>
                <c:pt idx="1635">
                  <c:v>1635</c:v>
                </c:pt>
                <c:pt idx="1636">
                  <c:v>1636</c:v>
                </c:pt>
                <c:pt idx="1637">
                  <c:v>1637</c:v>
                </c:pt>
                <c:pt idx="1638">
                  <c:v>1638</c:v>
                </c:pt>
                <c:pt idx="1639">
                  <c:v>1639</c:v>
                </c:pt>
                <c:pt idx="1640">
                  <c:v>1640</c:v>
                </c:pt>
                <c:pt idx="1641">
                  <c:v>1641</c:v>
                </c:pt>
                <c:pt idx="1642">
                  <c:v>1642</c:v>
                </c:pt>
                <c:pt idx="1643">
                  <c:v>1643</c:v>
                </c:pt>
                <c:pt idx="1644">
                  <c:v>1644</c:v>
                </c:pt>
                <c:pt idx="1645">
                  <c:v>1645</c:v>
                </c:pt>
                <c:pt idx="1646">
                  <c:v>1646</c:v>
                </c:pt>
                <c:pt idx="1647">
                  <c:v>1647</c:v>
                </c:pt>
                <c:pt idx="1648">
                  <c:v>1648</c:v>
                </c:pt>
                <c:pt idx="1649">
                  <c:v>1649</c:v>
                </c:pt>
                <c:pt idx="1650">
                  <c:v>1650</c:v>
                </c:pt>
                <c:pt idx="1651">
                  <c:v>1651</c:v>
                </c:pt>
                <c:pt idx="1652">
                  <c:v>1652</c:v>
                </c:pt>
                <c:pt idx="1653">
                  <c:v>1653</c:v>
                </c:pt>
                <c:pt idx="1654">
                  <c:v>1654</c:v>
                </c:pt>
                <c:pt idx="1655">
                  <c:v>1655</c:v>
                </c:pt>
                <c:pt idx="1656">
                  <c:v>1656</c:v>
                </c:pt>
                <c:pt idx="1657">
                  <c:v>1657</c:v>
                </c:pt>
                <c:pt idx="1658">
                  <c:v>1658</c:v>
                </c:pt>
                <c:pt idx="1659">
                  <c:v>1659</c:v>
                </c:pt>
                <c:pt idx="1660">
                  <c:v>1660</c:v>
                </c:pt>
                <c:pt idx="1661">
                  <c:v>1661</c:v>
                </c:pt>
                <c:pt idx="1662">
                  <c:v>1662</c:v>
                </c:pt>
                <c:pt idx="1663">
                  <c:v>1663</c:v>
                </c:pt>
                <c:pt idx="1664">
                  <c:v>1664</c:v>
                </c:pt>
                <c:pt idx="1665">
                  <c:v>1665</c:v>
                </c:pt>
                <c:pt idx="1666">
                  <c:v>1666</c:v>
                </c:pt>
                <c:pt idx="1667">
                  <c:v>1667</c:v>
                </c:pt>
                <c:pt idx="1668">
                  <c:v>1668</c:v>
                </c:pt>
                <c:pt idx="1669">
                  <c:v>1669</c:v>
                </c:pt>
                <c:pt idx="1670">
                  <c:v>1670</c:v>
                </c:pt>
                <c:pt idx="1671">
                  <c:v>1671</c:v>
                </c:pt>
                <c:pt idx="1672">
                  <c:v>1672</c:v>
                </c:pt>
                <c:pt idx="1673">
                  <c:v>1673</c:v>
                </c:pt>
                <c:pt idx="1674">
                  <c:v>1674</c:v>
                </c:pt>
                <c:pt idx="1675">
                  <c:v>1675</c:v>
                </c:pt>
                <c:pt idx="1676">
                  <c:v>1676</c:v>
                </c:pt>
                <c:pt idx="1677">
                  <c:v>1677</c:v>
                </c:pt>
                <c:pt idx="1678">
                  <c:v>1678</c:v>
                </c:pt>
                <c:pt idx="1679">
                  <c:v>1679</c:v>
                </c:pt>
                <c:pt idx="1680">
                  <c:v>1680</c:v>
                </c:pt>
                <c:pt idx="1681">
                  <c:v>1681</c:v>
                </c:pt>
                <c:pt idx="1682">
                  <c:v>1682</c:v>
                </c:pt>
                <c:pt idx="1683">
                  <c:v>1683</c:v>
                </c:pt>
                <c:pt idx="1684">
                  <c:v>1684</c:v>
                </c:pt>
                <c:pt idx="1685">
                  <c:v>1685</c:v>
                </c:pt>
                <c:pt idx="1686">
                  <c:v>1686</c:v>
                </c:pt>
                <c:pt idx="1687">
                  <c:v>1687</c:v>
                </c:pt>
                <c:pt idx="1688">
                  <c:v>1688</c:v>
                </c:pt>
                <c:pt idx="1689">
                  <c:v>1689</c:v>
                </c:pt>
                <c:pt idx="1690">
                  <c:v>1690</c:v>
                </c:pt>
                <c:pt idx="1691">
                  <c:v>1691</c:v>
                </c:pt>
                <c:pt idx="1692">
                  <c:v>1692</c:v>
                </c:pt>
                <c:pt idx="1693">
                  <c:v>1693</c:v>
                </c:pt>
                <c:pt idx="1694">
                  <c:v>1694</c:v>
                </c:pt>
                <c:pt idx="1695">
                  <c:v>1695</c:v>
                </c:pt>
                <c:pt idx="1696">
                  <c:v>1696</c:v>
                </c:pt>
                <c:pt idx="1697">
                  <c:v>1697</c:v>
                </c:pt>
                <c:pt idx="1698">
                  <c:v>1698</c:v>
                </c:pt>
                <c:pt idx="1699">
                  <c:v>1699</c:v>
                </c:pt>
                <c:pt idx="1700">
                  <c:v>1700</c:v>
                </c:pt>
                <c:pt idx="1701">
                  <c:v>1701</c:v>
                </c:pt>
                <c:pt idx="1702">
                  <c:v>1702</c:v>
                </c:pt>
                <c:pt idx="1703">
                  <c:v>1703</c:v>
                </c:pt>
                <c:pt idx="1704">
                  <c:v>1704</c:v>
                </c:pt>
                <c:pt idx="1705">
                  <c:v>1705</c:v>
                </c:pt>
                <c:pt idx="1706">
                  <c:v>1706</c:v>
                </c:pt>
                <c:pt idx="1707">
                  <c:v>1707</c:v>
                </c:pt>
                <c:pt idx="1708">
                  <c:v>1708</c:v>
                </c:pt>
                <c:pt idx="1709">
                  <c:v>1709</c:v>
                </c:pt>
                <c:pt idx="1710">
                  <c:v>1710</c:v>
                </c:pt>
                <c:pt idx="1711">
                  <c:v>1711</c:v>
                </c:pt>
                <c:pt idx="1712">
                  <c:v>1712</c:v>
                </c:pt>
                <c:pt idx="1713">
                  <c:v>1713</c:v>
                </c:pt>
                <c:pt idx="1714">
                  <c:v>1714</c:v>
                </c:pt>
                <c:pt idx="1715">
                  <c:v>1715</c:v>
                </c:pt>
                <c:pt idx="1716">
                  <c:v>1716</c:v>
                </c:pt>
                <c:pt idx="1717">
                  <c:v>1717</c:v>
                </c:pt>
                <c:pt idx="1718">
                  <c:v>1718</c:v>
                </c:pt>
                <c:pt idx="1719">
                  <c:v>1719</c:v>
                </c:pt>
                <c:pt idx="1720">
                  <c:v>1720</c:v>
                </c:pt>
                <c:pt idx="1721">
                  <c:v>1721</c:v>
                </c:pt>
                <c:pt idx="1722">
                  <c:v>1722</c:v>
                </c:pt>
                <c:pt idx="1723">
                  <c:v>1723</c:v>
                </c:pt>
                <c:pt idx="1724">
                  <c:v>1724</c:v>
                </c:pt>
                <c:pt idx="1725">
                  <c:v>1725</c:v>
                </c:pt>
                <c:pt idx="1726">
                  <c:v>1726</c:v>
                </c:pt>
                <c:pt idx="1727">
                  <c:v>1727</c:v>
                </c:pt>
                <c:pt idx="1728">
                  <c:v>1728</c:v>
                </c:pt>
                <c:pt idx="1729">
                  <c:v>1729</c:v>
                </c:pt>
                <c:pt idx="1730">
                  <c:v>1730</c:v>
                </c:pt>
                <c:pt idx="1731">
                  <c:v>1731</c:v>
                </c:pt>
                <c:pt idx="1732">
                  <c:v>1732</c:v>
                </c:pt>
                <c:pt idx="1733">
                  <c:v>1733</c:v>
                </c:pt>
                <c:pt idx="1734">
                  <c:v>1734</c:v>
                </c:pt>
                <c:pt idx="1735">
                  <c:v>1735</c:v>
                </c:pt>
                <c:pt idx="1736">
                  <c:v>1736</c:v>
                </c:pt>
                <c:pt idx="1737">
                  <c:v>1737</c:v>
                </c:pt>
                <c:pt idx="1738">
                  <c:v>1738</c:v>
                </c:pt>
                <c:pt idx="1739">
                  <c:v>1739</c:v>
                </c:pt>
                <c:pt idx="1740">
                  <c:v>1740</c:v>
                </c:pt>
                <c:pt idx="1741">
                  <c:v>1741</c:v>
                </c:pt>
                <c:pt idx="1742">
                  <c:v>1742</c:v>
                </c:pt>
                <c:pt idx="1743">
                  <c:v>1743</c:v>
                </c:pt>
                <c:pt idx="1744">
                  <c:v>1744</c:v>
                </c:pt>
                <c:pt idx="1745">
                  <c:v>1745</c:v>
                </c:pt>
                <c:pt idx="1746">
                  <c:v>1746</c:v>
                </c:pt>
                <c:pt idx="1747">
                  <c:v>1747</c:v>
                </c:pt>
                <c:pt idx="1748">
                  <c:v>1748</c:v>
                </c:pt>
                <c:pt idx="1749">
                  <c:v>1749</c:v>
                </c:pt>
                <c:pt idx="1750">
                  <c:v>1750</c:v>
                </c:pt>
                <c:pt idx="1751">
                  <c:v>1751</c:v>
                </c:pt>
                <c:pt idx="1752">
                  <c:v>1752</c:v>
                </c:pt>
                <c:pt idx="1753">
                  <c:v>1753</c:v>
                </c:pt>
                <c:pt idx="1754">
                  <c:v>1754</c:v>
                </c:pt>
                <c:pt idx="1755">
                  <c:v>1755</c:v>
                </c:pt>
                <c:pt idx="1756">
                  <c:v>1756</c:v>
                </c:pt>
                <c:pt idx="1757">
                  <c:v>1757</c:v>
                </c:pt>
                <c:pt idx="1758">
                  <c:v>1758</c:v>
                </c:pt>
                <c:pt idx="1759">
                  <c:v>1759</c:v>
                </c:pt>
                <c:pt idx="1760">
                  <c:v>1760</c:v>
                </c:pt>
                <c:pt idx="1761">
                  <c:v>1761</c:v>
                </c:pt>
                <c:pt idx="1762">
                  <c:v>1762</c:v>
                </c:pt>
                <c:pt idx="1763">
                  <c:v>1763</c:v>
                </c:pt>
                <c:pt idx="1764">
                  <c:v>1764</c:v>
                </c:pt>
                <c:pt idx="1765">
                  <c:v>1765</c:v>
                </c:pt>
                <c:pt idx="1766">
                  <c:v>1766</c:v>
                </c:pt>
                <c:pt idx="1767">
                  <c:v>1767</c:v>
                </c:pt>
                <c:pt idx="1768">
                  <c:v>1768</c:v>
                </c:pt>
                <c:pt idx="1769">
                  <c:v>1769</c:v>
                </c:pt>
                <c:pt idx="1770">
                  <c:v>1770</c:v>
                </c:pt>
                <c:pt idx="1771">
                  <c:v>1771</c:v>
                </c:pt>
                <c:pt idx="1772">
                  <c:v>1772</c:v>
                </c:pt>
                <c:pt idx="1773">
                  <c:v>1773</c:v>
                </c:pt>
                <c:pt idx="1774">
                  <c:v>1774</c:v>
                </c:pt>
                <c:pt idx="1775">
                  <c:v>1775</c:v>
                </c:pt>
                <c:pt idx="1776">
                  <c:v>1776</c:v>
                </c:pt>
                <c:pt idx="1777">
                  <c:v>1777</c:v>
                </c:pt>
                <c:pt idx="1778">
                  <c:v>1778</c:v>
                </c:pt>
                <c:pt idx="1779">
                  <c:v>1779</c:v>
                </c:pt>
                <c:pt idx="1780">
                  <c:v>1780</c:v>
                </c:pt>
                <c:pt idx="1781">
                  <c:v>1781</c:v>
                </c:pt>
                <c:pt idx="1782">
                  <c:v>1782</c:v>
                </c:pt>
                <c:pt idx="1783">
                  <c:v>1783</c:v>
                </c:pt>
                <c:pt idx="1784">
                  <c:v>1784</c:v>
                </c:pt>
                <c:pt idx="1785">
                  <c:v>1785</c:v>
                </c:pt>
                <c:pt idx="1786">
                  <c:v>1786</c:v>
                </c:pt>
                <c:pt idx="1787">
                  <c:v>1787</c:v>
                </c:pt>
                <c:pt idx="1788">
                  <c:v>1788</c:v>
                </c:pt>
                <c:pt idx="1789">
                  <c:v>1789</c:v>
                </c:pt>
                <c:pt idx="1790">
                  <c:v>1790</c:v>
                </c:pt>
                <c:pt idx="1791">
                  <c:v>1791</c:v>
                </c:pt>
                <c:pt idx="1792">
                  <c:v>1792</c:v>
                </c:pt>
                <c:pt idx="1793">
                  <c:v>1793</c:v>
                </c:pt>
                <c:pt idx="1794">
                  <c:v>1794</c:v>
                </c:pt>
                <c:pt idx="1795">
                  <c:v>1795</c:v>
                </c:pt>
                <c:pt idx="1796">
                  <c:v>1796</c:v>
                </c:pt>
                <c:pt idx="1797">
                  <c:v>1797</c:v>
                </c:pt>
                <c:pt idx="1798">
                  <c:v>1798</c:v>
                </c:pt>
                <c:pt idx="1799">
                  <c:v>1799</c:v>
                </c:pt>
              </c:numCache>
            </c:numRef>
          </c:xVal>
          <c:yVal>
            <c:numRef>
              <c:f>'30Inside'!$B$2:$B$1801</c:f>
              <c:numCache>
                <c:formatCode>General</c:formatCode>
                <c:ptCount val="1800"/>
                <c:pt idx="0">
                  <c:v>4.0999999999999996</c:v>
                </c:pt>
                <c:pt idx="1">
                  <c:v>4.5999999999999996</c:v>
                </c:pt>
                <c:pt idx="2">
                  <c:v>4.7</c:v>
                </c:pt>
                <c:pt idx="3">
                  <c:v>4.8</c:v>
                </c:pt>
                <c:pt idx="4">
                  <c:v>4.9000000000000004</c:v>
                </c:pt>
                <c:pt idx="5">
                  <c:v>5</c:v>
                </c:pt>
                <c:pt idx="6">
                  <c:v>5</c:v>
                </c:pt>
                <c:pt idx="7">
                  <c:v>5.0999999999999996</c:v>
                </c:pt>
                <c:pt idx="8">
                  <c:v>5.2</c:v>
                </c:pt>
                <c:pt idx="9">
                  <c:v>5.3</c:v>
                </c:pt>
                <c:pt idx="10">
                  <c:v>5.3</c:v>
                </c:pt>
                <c:pt idx="11">
                  <c:v>5.4</c:v>
                </c:pt>
                <c:pt idx="12">
                  <c:v>5.5</c:v>
                </c:pt>
                <c:pt idx="13">
                  <c:v>5.5</c:v>
                </c:pt>
                <c:pt idx="14">
                  <c:v>5.6</c:v>
                </c:pt>
                <c:pt idx="15">
                  <c:v>5.7</c:v>
                </c:pt>
                <c:pt idx="16">
                  <c:v>5.8</c:v>
                </c:pt>
                <c:pt idx="17">
                  <c:v>5.9</c:v>
                </c:pt>
                <c:pt idx="18">
                  <c:v>5.9</c:v>
                </c:pt>
                <c:pt idx="19">
                  <c:v>6</c:v>
                </c:pt>
                <c:pt idx="20">
                  <c:v>6</c:v>
                </c:pt>
                <c:pt idx="21">
                  <c:v>6.1</c:v>
                </c:pt>
                <c:pt idx="22">
                  <c:v>6.2</c:v>
                </c:pt>
                <c:pt idx="23">
                  <c:v>6.2</c:v>
                </c:pt>
                <c:pt idx="24">
                  <c:v>6.3</c:v>
                </c:pt>
                <c:pt idx="25">
                  <c:v>6.3</c:v>
                </c:pt>
                <c:pt idx="26">
                  <c:v>6.4</c:v>
                </c:pt>
                <c:pt idx="27">
                  <c:v>6.5</c:v>
                </c:pt>
                <c:pt idx="28">
                  <c:v>6.6</c:v>
                </c:pt>
                <c:pt idx="29">
                  <c:v>6.6</c:v>
                </c:pt>
                <c:pt idx="30">
                  <c:v>6.7</c:v>
                </c:pt>
                <c:pt idx="31">
                  <c:v>6.7</c:v>
                </c:pt>
                <c:pt idx="32">
                  <c:v>6.8</c:v>
                </c:pt>
                <c:pt idx="33">
                  <c:v>6.9</c:v>
                </c:pt>
                <c:pt idx="34">
                  <c:v>6.9</c:v>
                </c:pt>
                <c:pt idx="35">
                  <c:v>7</c:v>
                </c:pt>
                <c:pt idx="36">
                  <c:v>7.1</c:v>
                </c:pt>
                <c:pt idx="37">
                  <c:v>7.1</c:v>
                </c:pt>
                <c:pt idx="38">
                  <c:v>7.2</c:v>
                </c:pt>
                <c:pt idx="39">
                  <c:v>7.2</c:v>
                </c:pt>
                <c:pt idx="40">
                  <c:v>7.3</c:v>
                </c:pt>
                <c:pt idx="41">
                  <c:v>7.4</c:v>
                </c:pt>
                <c:pt idx="42">
                  <c:v>7.4</c:v>
                </c:pt>
                <c:pt idx="43">
                  <c:v>7.5</c:v>
                </c:pt>
                <c:pt idx="44">
                  <c:v>7.5</c:v>
                </c:pt>
                <c:pt idx="45">
                  <c:v>7.6</c:v>
                </c:pt>
                <c:pt idx="46">
                  <c:v>7.7</c:v>
                </c:pt>
                <c:pt idx="47">
                  <c:v>7.7</c:v>
                </c:pt>
                <c:pt idx="48">
                  <c:v>7.8</c:v>
                </c:pt>
                <c:pt idx="49">
                  <c:v>7.8</c:v>
                </c:pt>
                <c:pt idx="50">
                  <c:v>7.9</c:v>
                </c:pt>
                <c:pt idx="51">
                  <c:v>8</c:v>
                </c:pt>
                <c:pt idx="52">
                  <c:v>8</c:v>
                </c:pt>
                <c:pt idx="53">
                  <c:v>8.1</c:v>
                </c:pt>
                <c:pt idx="54">
                  <c:v>8.1</c:v>
                </c:pt>
                <c:pt idx="55">
                  <c:v>8.1999999999999993</c:v>
                </c:pt>
                <c:pt idx="56">
                  <c:v>8.1999999999999993</c:v>
                </c:pt>
                <c:pt idx="57">
                  <c:v>8.3000000000000007</c:v>
                </c:pt>
                <c:pt idx="58">
                  <c:v>8.4</c:v>
                </c:pt>
                <c:pt idx="59">
                  <c:v>8.4</c:v>
                </c:pt>
                <c:pt idx="60">
                  <c:v>8.5</c:v>
                </c:pt>
                <c:pt idx="61">
                  <c:v>8.5</c:v>
                </c:pt>
                <c:pt idx="62">
                  <c:v>8.6</c:v>
                </c:pt>
                <c:pt idx="63">
                  <c:v>8.6</c:v>
                </c:pt>
                <c:pt idx="64">
                  <c:v>8.6999999999999993</c:v>
                </c:pt>
                <c:pt idx="65">
                  <c:v>8.6999999999999993</c:v>
                </c:pt>
                <c:pt idx="66">
                  <c:v>8.8000000000000007</c:v>
                </c:pt>
                <c:pt idx="67">
                  <c:v>8.8000000000000007</c:v>
                </c:pt>
                <c:pt idx="68">
                  <c:v>8.9</c:v>
                </c:pt>
                <c:pt idx="69">
                  <c:v>8.9</c:v>
                </c:pt>
                <c:pt idx="70">
                  <c:v>9</c:v>
                </c:pt>
                <c:pt idx="71">
                  <c:v>9</c:v>
                </c:pt>
                <c:pt idx="72">
                  <c:v>9.1</c:v>
                </c:pt>
                <c:pt idx="73">
                  <c:v>9.1</c:v>
                </c:pt>
                <c:pt idx="74">
                  <c:v>9.1999999999999993</c:v>
                </c:pt>
                <c:pt idx="75">
                  <c:v>9.1999999999999993</c:v>
                </c:pt>
                <c:pt idx="76">
                  <c:v>9.3000000000000007</c:v>
                </c:pt>
                <c:pt idx="77">
                  <c:v>9.3000000000000007</c:v>
                </c:pt>
                <c:pt idx="78">
                  <c:v>9.4</c:v>
                </c:pt>
                <c:pt idx="79">
                  <c:v>9.4</c:v>
                </c:pt>
                <c:pt idx="80">
                  <c:v>9.4</c:v>
                </c:pt>
                <c:pt idx="81">
                  <c:v>9.5</c:v>
                </c:pt>
                <c:pt idx="82">
                  <c:v>9.6</c:v>
                </c:pt>
                <c:pt idx="83">
                  <c:v>9.6</c:v>
                </c:pt>
                <c:pt idx="84">
                  <c:v>9.6</c:v>
                </c:pt>
                <c:pt idx="85">
                  <c:v>9.6999999999999993</c:v>
                </c:pt>
                <c:pt idx="86">
                  <c:v>9.6999999999999993</c:v>
                </c:pt>
                <c:pt idx="87">
                  <c:v>9.8000000000000007</c:v>
                </c:pt>
                <c:pt idx="88">
                  <c:v>9.8000000000000007</c:v>
                </c:pt>
                <c:pt idx="89">
                  <c:v>9.8000000000000007</c:v>
                </c:pt>
                <c:pt idx="90">
                  <c:v>9.9</c:v>
                </c:pt>
                <c:pt idx="91">
                  <c:v>9.9</c:v>
                </c:pt>
                <c:pt idx="92">
                  <c:v>10</c:v>
                </c:pt>
                <c:pt idx="93">
                  <c:v>10</c:v>
                </c:pt>
                <c:pt idx="94">
                  <c:v>10</c:v>
                </c:pt>
                <c:pt idx="95">
                  <c:v>10.1</c:v>
                </c:pt>
                <c:pt idx="96">
                  <c:v>10.1</c:v>
                </c:pt>
                <c:pt idx="97">
                  <c:v>10.199999999999999</c:v>
                </c:pt>
                <c:pt idx="98">
                  <c:v>10.199999999999999</c:v>
                </c:pt>
                <c:pt idx="99">
                  <c:v>10.199999999999999</c:v>
                </c:pt>
                <c:pt idx="100">
                  <c:v>10.3</c:v>
                </c:pt>
                <c:pt idx="101">
                  <c:v>10.3</c:v>
                </c:pt>
                <c:pt idx="102">
                  <c:v>10.3</c:v>
                </c:pt>
                <c:pt idx="103">
                  <c:v>10.4</c:v>
                </c:pt>
                <c:pt idx="104">
                  <c:v>10.4</c:v>
                </c:pt>
                <c:pt idx="105">
                  <c:v>10.5</c:v>
                </c:pt>
                <c:pt idx="106">
                  <c:v>10.5</c:v>
                </c:pt>
                <c:pt idx="107">
                  <c:v>10.5</c:v>
                </c:pt>
                <c:pt idx="108">
                  <c:v>10.6</c:v>
                </c:pt>
                <c:pt idx="109">
                  <c:v>10.6</c:v>
                </c:pt>
                <c:pt idx="110">
                  <c:v>10.7</c:v>
                </c:pt>
                <c:pt idx="111">
                  <c:v>10.7</c:v>
                </c:pt>
                <c:pt idx="112">
                  <c:v>10.7</c:v>
                </c:pt>
                <c:pt idx="113">
                  <c:v>10.8</c:v>
                </c:pt>
                <c:pt idx="114">
                  <c:v>10.8</c:v>
                </c:pt>
                <c:pt idx="115">
                  <c:v>10.8</c:v>
                </c:pt>
                <c:pt idx="116">
                  <c:v>10.9</c:v>
                </c:pt>
                <c:pt idx="117">
                  <c:v>10.9</c:v>
                </c:pt>
                <c:pt idx="118">
                  <c:v>10.9</c:v>
                </c:pt>
                <c:pt idx="119">
                  <c:v>11</c:v>
                </c:pt>
                <c:pt idx="120">
                  <c:v>11</c:v>
                </c:pt>
                <c:pt idx="121">
                  <c:v>11</c:v>
                </c:pt>
                <c:pt idx="122">
                  <c:v>11.1</c:v>
                </c:pt>
                <c:pt idx="123">
                  <c:v>11.1</c:v>
                </c:pt>
                <c:pt idx="124">
                  <c:v>11.1</c:v>
                </c:pt>
                <c:pt idx="125">
                  <c:v>11.2</c:v>
                </c:pt>
                <c:pt idx="126">
                  <c:v>11.2</c:v>
                </c:pt>
                <c:pt idx="127">
                  <c:v>11.2</c:v>
                </c:pt>
                <c:pt idx="128">
                  <c:v>11.2</c:v>
                </c:pt>
                <c:pt idx="129">
                  <c:v>11.3</c:v>
                </c:pt>
                <c:pt idx="130">
                  <c:v>11.3</c:v>
                </c:pt>
                <c:pt idx="131">
                  <c:v>11.4</c:v>
                </c:pt>
                <c:pt idx="132">
                  <c:v>11.4</c:v>
                </c:pt>
                <c:pt idx="133">
                  <c:v>11.4</c:v>
                </c:pt>
                <c:pt idx="134">
                  <c:v>11.5</c:v>
                </c:pt>
                <c:pt idx="135">
                  <c:v>11.5</c:v>
                </c:pt>
                <c:pt idx="136">
                  <c:v>11.5</c:v>
                </c:pt>
                <c:pt idx="137">
                  <c:v>11.6</c:v>
                </c:pt>
                <c:pt idx="138">
                  <c:v>11.6</c:v>
                </c:pt>
                <c:pt idx="139">
                  <c:v>11.6</c:v>
                </c:pt>
                <c:pt idx="140">
                  <c:v>11.6</c:v>
                </c:pt>
                <c:pt idx="141">
                  <c:v>11.7</c:v>
                </c:pt>
                <c:pt idx="142">
                  <c:v>11.7</c:v>
                </c:pt>
                <c:pt idx="143">
                  <c:v>11.7</c:v>
                </c:pt>
                <c:pt idx="144">
                  <c:v>11.8</c:v>
                </c:pt>
                <c:pt idx="145">
                  <c:v>11.8</c:v>
                </c:pt>
                <c:pt idx="146">
                  <c:v>11.8</c:v>
                </c:pt>
                <c:pt idx="147">
                  <c:v>11.9</c:v>
                </c:pt>
                <c:pt idx="148">
                  <c:v>11.9</c:v>
                </c:pt>
                <c:pt idx="149">
                  <c:v>11.9</c:v>
                </c:pt>
                <c:pt idx="150">
                  <c:v>11.9</c:v>
                </c:pt>
                <c:pt idx="151">
                  <c:v>12</c:v>
                </c:pt>
                <c:pt idx="152">
                  <c:v>12</c:v>
                </c:pt>
                <c:pt idx="153">
                  <c:v>12</c:v>
                </c:pt>
                <c:pt idx="154">
                  <c:v>12.1</c:v>
                </c:pt>
                <c:pt idx="155">
                  <c:v>12.1</c:v>
                </c:pt>
                <c:pt idx="156">
                  <c:v>12.1</c:v>
                </c:pt>
                <c:pt idx="157">
                  <c:v>12.1</c:v>
                </c:pt>
                <c:pt idx="158">
                  <c:v>12.2</c:v>
                </c:pt>
                <c:pt idx="159">
                  <c:v>12.2</c:v>
                </c:pt>
                <c:pt idx="160">
                  <c:v>12.2</c:v>
                </c:pt>
                <c:pt idx="161">
                  <c:v>12.3</c:v>
                </c:pt>
                <c:pt idx="162">
                  <c:v>12.3</c:v>
                </c:pt>
                <c:pt idx="163">
                  <c:v>12.3</c:v>
                </c:pt>
                <c:pt idx="164">
                  <c:v>12.3</c:v>
                </c:pt>
                <c:pt idx="165">
                  <c:v>12.4</c:v>
                </c:pt>
                <c:pt idx="166">
                  <c:v>12.4</c:v>
                </c:pt>
                <c:pt idx="167">
                  <c:v>12.4</c:v>
                </c:pt>
                <c:pt idx="168">
                  <c:v>12.5</c:v>
                </c:pt>
                <c:pt idx="169">
                  <c:v>12.5</c:v>
                </c:pt>
                <c:pt idx="170">
                  <c:v>12.5</c:v>
                </c:pt>
                <c:pt idx="171">
                  <c:v>12.6</c:v>
                </c:pt>
                <c:pt idx="172">
                  <c:v>12.6</c:v>
                </c:pt>
                <c:pt idx="173">
                  <c:v>12.6</c:v>
                </c:pt>
                <c:pt idx="174">
                  <c:v>12.6</c:v>
                </c:pt>
                <c:pt idx="175">
                  <c:v>12.6</c:v>
                </c:pt>
                <c:pt idx="176">
                  <c:v>12.7</c:v>
                </c:pt>
                <c:pt idx="177">
                  <c:v>12.7</c:v>
                </c:pt>
                <c:pt idx="178">
                  <c:v>12.7</c:v>
                </c:pt>
                <c:pt idx="179">
                  <c:v>12.8</c:v>
                </c:pt>
                <c:pt idx="180">
                  <c:v>12.8</c:v>
                </c:pt>
                <c:pt idx="181">
                  <c:v>12.8</c:v>
                </c:pt>
                <c:pt idx="182">
                  <c:v>12.8</c:v>
                </c:pt>
                <c:pt idx="183">
                  <c:v>12.9</c:v>
                </c:pt>
                <c:pt idx="184">
                  <c:v>12.9</c:v>
                </c:pt>
                <c:pt idx="185">
                  <c:v>12.9</c:v>
                </c:pt>
                <c:pt idx="186">
                  <c:v>12.9</c:v>
                </c:pt>
                <c:pt idx="187">
                  <c:v>13</c:v>
                </c:pt>
                <c:pt idx="188">
                  <c:v>13</c:v>
                </c:pt>
                <c:pt idx="189">
                  <c:v>13</c:v>
                </c:pt>
                <c:pt idx="190">
                  <c:v>13</c:v>
                </c:pt>
                <c:pt idx="191">
                  <c:v>13</c:v>
                </c:pt>
                <c:pt idx="192">
                  <c:v>13.1</c:v>
                </c:pt>
                <c:pt idx="193">
                  <c:v>13.1</c:v>
                </c:pt>
                <c:pt idx="194">
                  <c:v>13.1</c:v>
                </c:pt>
                <c:pt idx="195">
                  <c:v>13.1</c:v>
                </c:pt>
                <c:pt idx="196">
                  <c:v>13.2</c:v>
                </c:pt>
                <c:pt idx="197">
                  <c:v>13.2</c:v>
                </c:pt>
                <c:pt idx="198">
                  <c:v>13.2</c:v>
                </c:pt>
                <c:pt idx="199">
                  <c:v>13.2</c:v>
                </c:pt>
                <c:pt idx="200">
                  <c:v>13.2</c:v>
                </c:pt>
                <c:pt idx="201">
                  <c:v>13.3</c:v>
                </c:pt>
                <c:pt idx="202">
                  <c:v>13.3</c:v>
                </c:pt>
                <c:pt idx="203">
                  <c:v>13.3</c:v>
                </c:pt>
                <c:pt idx="204">
                  <c:v>13.3</c:v>
                </c:pt>
                <c:pt idx="205">
                  <c:v>13.3</c:v>
                </c:pt>
                <c:pt idx="206">
                  <c:v>13.4</c:v>
                </c:pt>
                <c:pt idx="207">
                  <c:v>13.4</c:v>
                </c:pt>
                <c:pt idx="208">
                  <c:v>13.4</c:v>
                </c:pt>
                <c:pt idx="209">
                  <c:v>13.4</c:v>
                </c:pt>
                <c:pt idx="210">
                  <c:v>13.4</c:v>
                </c:pt>
                <c:pt idx="211">
                  <c:v>13.5</c:v>
                </c:pt>
                <c:pt idx="212">
                  <c:v>13.5</c:v>
                </c:pt>
                <c:pt idx="213">
                  <c:v>13.5</c:v>
                </c:pt>
                <c:pt idx="214">
                  <c:v>13.5</c:v>
                </c:pt>
                <c:pt idx="215">
                  <c:v>13.5</c:v>
                </c:pt>
                <c:pt idx="216">
                  <c:v>13.5</c:v>
                </c:pt>
                <c:pt idx="217">
                  <c:v>13.6</c:v>
                </c:pt>
                <c:pt idx="218">
                  <c:v>13.6</c:v>
                </c:pt>
                <c:pt idx="219">
                  <c:v>13.6</c:v>
                </c:pt>
                <c:pt idx="220">
                  <c:v>13.6</c:v>
                </c:pt>
                <c:pt idx="221">
                  <c:v>13.7</c:v>
                </c:pt>
                <c:pt idx="222">
                  <c:v>13.7</c:v>
                </c:pt>
                <c:pt idx="223">
                  <c:v>13.7</c:v>
                </c:pt>
                <c:pt idx="224">
                  <c:v>13.7</c:v>
                </c:pt>
                <c:pt idx="225">
                  <c:v>13.7</c:v>
                </c:pt>
                <c:pt idx="226">
                  <c:v>13.8</c:v>
                </c:pt>
                <c:pt idx="227">
                  <c:v>13.8</c:v>
                </c:pt>
                <c:pt idx="228">
                  <c:v>13.8</c:v>
                </c:pt>
                <c:pt idx="229">
                  <c:v>13.8</c:v>
                </c:pt>
                <c:pt idx="230">
                  <c:v>13.8</c:v>
                </c:pt>
                <c:pt idx="231">
                  <c:v>13.9</c:v>
                </c:pt>
                <c:pt idx="232">
                  <c:v>13.9</c:v>
                </c:pt>
                <c:pt idx="233">
                  <c:v>13.9</c:v>
                </c:pt>
                <c:pt idx="234">
                  <c:v>13.9</c:v>
                </c:pt>
                <c:pt idx="235">
                  <c:v>13.9</c:v>
                </c:pt>
                <c:pt idx="236">
                  <c:v>14</c:v>
                </c:pt>
                <c:pt idx="237">
                  <c:v>14</c:v>
                </c:pt>
                <c:pt idx="238">
                  <c:v>14</c:v>
                </c:pt>
                <c:pt idx="239">
                  <c:v>14</c:v>
                </c:pt>
                <c:pt idx="240">
                  <c:v>14</c:v>
                </c:pt>
                <c:pt idx="241">
                  <c:v>14.1</c:v>
                </c:pt>
                <c:pt idx="242">
                  <c:v>14.1</c:v>
                </c:pt>
                <c:pt idx="243">
                  <c:v>14.1</c:v>
                </c:pt>
                <c:pt idx="244">
                  <c:v>14.1</c:v>
                </c:pt>
                <c:pt idx="245">
                  <c:v>14.1</c:v>
                </c:pt>
                <c:pt idx="246">
                  <c:v>14.2</c:v>
                </c:pt>
                <c:pt idx="247">
                  <c:v>14.2</c:v>
                </c:pt>
                <c:pt idx="248">
                  <c:v>14.2</c:v>
                </c:pt>
                <c:pt idx="249">
                  <c:v>14.2</c:v>
                </c:pt>
                <c:pt idx="250">
                  <c:v>14.2</c:v>
                </c:pt>
                <c:pt idx="251">
                  <c:v>14.3</c:v>
                </c:pt>
                <c:pt idx="252">
                  <c:v>14.3</c:v>
                </c:pt>
                <c:pt idx="253">
                  <c:v>14.3</c:v>
                </c:pt>
                <c:pt idx="254">
                  <c:v>14.3</c:v>
                </c:pt>
                <c:pt idx="255">
                  <c:v>14.3</c:v>
                </c:pt>
                <c:pt idx="256">
                  <c:v>14.4</c:v>
                </c:pt>
                <c:pt idx="257">
                  <c:v>14.4</c:v>
                </c:pt>
                <c:pt idx="258">
                  <c:v>14.4</c:v>
                </c:pt>
                <c:pt idx="259">
                  <c:v>14.4</c:v>
                </c:pt>
                <c:pt idx="260">
                  <c:v>14.5</c:v>
                </c:pt>
                <c:pt idx="261">
                  <c:v>14.5</c:v>
                </c:pt>
                <c:pt idx="262">
                  <c:v>14.5</c:v>
                </c:pt>
                <c:pt idx="263">
                  <c:v>14.5</c:v>
                </c:pt>
                <c:pt idx="264">
                  <c:v>14.5</c:v>
                </c:pt>
                <c:pt idx="265">
                  <c:v>14.5</c:v>
                </c:pt>
                <c:pt idx="266">
                  <c:v>14.5</c:v>
                </c:pt>
                <c:pt idx="267">
                  <c:v>14.6</c:v>
                </c:pt>
                <c:pt idx="268">
                  <c:v>14.6</c:v>
                </c:pt>
                <c:pt idx="269">
                  <c:v>14.6</c:v>
                </c:pt>
                <c:pt idx="270">
                  <c:v>14.6</c:v>
                </c:pt>
                <c:pt idx="271">
                  <c:v>14.6</c:v>
                </c:pt>
                <c:pt idx="272">
                  <c:v>14.7</c:v>
                </c:pt>
                <c:pt idx="273">
                  <c:v>14.7</c:v>
                </c:pt>
                <c:pt idx="274">
                  <c:v>14.7</c:v>
                </c:pt>
                <c:pt idx="275">
                  <c:v>14.7</c:v>
                </c:pt>
                <c:pt idx="276">
                  <c:v>14.8</c:v>
                </c:pt>
                <c:pt idx="277">
                  <c:v>14.8</c:v>
                </c:pt>
                <c:pt idx="278">
                  <c:v>14.8</c:v>
                </c:pt>
                <c:pt idx="279">
                  <c:v>14.8</c:v>
                </c:pt>
                <c:pt idx="280">
                  <c:v>14.8</c:v>
                </c:pt>
                <c:pt idx="281">
                  <c:v>14.8</c:v>
                </c:pt>
                <c:pt idx="282">
                  <c:v>14.9</c:v>
                </c:pt>
                <c:pt idx="283">
                  <c:v>14.9</c:v>
                </c:pt>
                <c:pt idx="284">
                  <c:v>14.9</c:v>
                </c:pt>
                <c:pt idx="285">
                  <c:v>14.9</c:v>
                </c:pt>
                <c:pt idx="286">
                  <c:v>14.9</c:v>
                </c:pt>
                <c:pt idx="287">
                  <c:v>14.9</c:v>
                </c:pt>
                <c:pt idx="288">
                  <c:v>15</c:v>
                </c:pt>
                <c:pt idx="289">
                  <c:v>15</c:v>
                </c:pt>
                <c:pt idx="290">
                  <c:v>15</c:v>
                </c:pt>
                <c:pt idx="291">
                  <c:v>15</c:v>
                </c:pt>
                <c:pt idx="292">
                  <c:v>15</c:v>
                </c:pt>
                <c:pt idx="293">
                  <c:v>15</c:v>
                </c:pt>
                <c:pt idx="294">
                  <c:v>15.1</c:v>
                </c:pt>
                <c:pt idx="295">
                  <c:v>15.1</c:v>
                </c:pt>
                <c:pt idx="296">
                  <c:v>15.1</c:v>
                </c:pt>
                <c:pt idx="297">
                  <c:v>15.1</c:v>
                </c:pt>
                <c:pt idx="298">
                  <c:v>15.1</c:v>
                </c:pt>
                <c:pt idx="299">
                  <c:v>15.1</c:v>
                </c:pt>
                <c:pt idx="300">
                  <c:v>15.2</c:v>
                </c:pt>
                <c:pt idx="301">
                  <c:v>15.2</c:v>
                </c:pt>
                <c:pt idx="302">
                  <c:v>15.2</c:v>
                </c:pt>
                <c:pt idx="303">
                  <c:v>15.2</c:v>
                </c:pt>
                <c:pt idx="304">
                  <c:v>15.2</c:v>
                </c:pt>
                <c:pt idx="305">
                  <c:v>15.2</c:v>
                </c:pt>
                <c:pt idx="306">
                  <c:v>15.3</c:v>
                </c:pt>
                <c:pt idx="307">
                  <c:v>15.3</c:v>
                </c:pt>
                <c:pt idx="308">
                  <c:v>15.3</c:v>
                </c:pt>
                <c:pt idx="309">
                  <c:v>15.3</c:v>
                </c:pt>
                <c:pt idx="310">
                  <c:v>15.3</c:v>
                </c:pt>
                <c:pt idx="311">
                  <c:v>15.3</c:v>
                </c:pt>
                <c:pt idx="312">
                  <c:v>15.4</c:v>
                </c:pt>
                <c:pt idx="313">
                  <c:v>15.4</c:v>
                </c:pt>
                <c:pt idx="314">
                  <c:v>15.4</c:v>
                </c:pt>
                <c:pt idx="315">
                  <c:v>15.4</c:v>
                </c:pt>
                <c:pt idx="316">
                  <c:v>15.4</c:v>
                </c:pt>
                <c:pt idx="317">
                  <c:v>15.4</c:v>
                </c:pt>
                <c:pt idx="318">
                  <c:v>15.4</c:v>
                </c:pt>
                <c:pt idx="319">
                  <c:v>15.4</c:v>
                </c:pt>
                <c:pt idx="320">
                  <c:v>15.5</c:v>
                </c:pt>
                <c:pt idx="321">
                  <c:v>15.5</c:v>
                </c:pt>
                <c:pt idx="322">
                  <c:v>15.5</c:v>
                </c:pt>
                <c:pt idx="323">
                  <c:v>15.5</c:v>
                </c:pt>
                <c:pt idx="324">
                  <c:v>15.5</c:v>
                </c:pt>
                <c:pt idx="325">
                  <c:v>15.5</c:v>
                </c:pt>
                <c:pt idx="326">
                  <c:v>15.5</c:v>
                </c:pt>
                <c:pt idx="327">
                  <c:v>15.5</c:v>
                </c:pt>
                <c:pt idx="328">
                  <c:v>15.6</c:v>
                </c:pt>
                <c:pt idx="329">
                  <c:v>15.6</c:v>
                </c:pt>
                <c:pt idx="330">
                  <c:v>15.6</c:v>
                </c:pt>
                <c:pt idx="331">
                  <c:v>15.6</c:v>
                </c:pt>
                <c:pt idx="332">
                  <c:v>15.6</c:v>
                </c:pt>
                <c:pt idx="333">
                  <c:v>15.6</c:v>
                </c:pt>
                <c:pt idx="334">
                  <c:v>15.6</c:v>
                </c:pt>
                <c:pt idx="335">
                  <c:v>15.7</c:v>
                </c:pt>
                <c:pt idx="336">
                  <c:v>15.7</c:v>
                </c:pt>
                <c:pt idx="337">
                  <c:v>15.7</c:v>
                </c:pt>
                <c:pt idx="338">
                  <c:v>15.7</c:v>
                </c:pt>
                <c:pt idx="339">
                  <c:v>15.7</c:v>
                </c:pt>
                <c:pt idx="340">
                  <c:v>15.7</c:v>
                </c:pt>
                <c:pt idx="341">
                  <c:v>15.7</c:v>
                </c:pt>
                <c:pt idx="342">
                  <c:v>15.7</c:v>
                </c:pt>
                <c:pt idx="343">
                  <c:v>15.8</c:v>
                </c:pt>
                <c:pt idx="344">
                  <c:v>15.8</c:v>
                </c:pt>
                <c:pt idx="345">
                  <c:v>15.8</c:v>
                </c:pt>
                <c:pt idx="346">
                  <c:v>15.8</c:v>
                </c:pt>
                <c:pt idx="347">
                  <c:v>15.8</c:v>
                </c:pt>
                <c:pt idx="348">
                  <c:v>15.8</c:v>
                </c:pt>
                <c:pt idx="349">
                  <c:v>15.8</c:v>
                </c:pt>
                <c:pt idx="350">
                  <c:v>15.8</c:v>
                </c:pt>
                <c:pt idx="351">
                  <c:v>15.9</c:v>
                </c:pt>
                <c:pt idx="352">
                  <c:v>15.9</c:v>
                </c:pt>
                <c:pt idx="353">
                  <c:v>15.9</c:v>
                </c:pt>
                <c:pt idx="354">
                  <c:v>15.9</c:v>
                </c:pt>
                <c:pt idx="355">
                  <c:v>15.9</c:v>
                </c:pt>
                <c:pt idx="356">
                  <c:v>15.9</c:v>
                </c:pt>
                <c:pt idx="357">
                  <c:v>15.9</c:v>
                </c:pt>
                <c:pt idx="358">
                  <c:v>15.9</c:v>
                </c:pt>
                <c:pt idx="359">
                  <c:v>15.9</c:v>
                </c:pt>
                <c:pt idx="360">
                  <c:v>16</c:v>
                </c:pt>
                <c:pt idx="361">
                  <c:v>16</c:v>
                </c:pt>
                <c:pt idx="362">
                  <c:v>16</c:v>
                </c:pt>
                <c:pt idx="363">
                  <c:v>16</c:v>
                </c:pt>
                <c:pt idx="364">
                  <c:v>16</c:v>
                </c:pt>
                <c:pt idx="365">
                  <c:v>16</c:v>
                </c:pt>
                <c:pt idx="366">
                  <c:v>16</c:v>
                </c:pt>
                <c:pt idx="367">
                  <c:v>16.100000000000001</c:v>
                </c:pt>
                <c:pt idx="368">
                  <c:v>16.100000000000001</c:v>
                </c:pt>
                <c:pt idx="369">
                  <c:v>16.100000000000001</c:v>
                </c:pt>
                <c:pt idx="370">
                  <c:v>16.100000000000001</c:v>
                </c:pt>
                <c:pt idx="371">
                  <c:v>16.100000000000001</c:v>
                </c:pt>
                <c:pt idx="372">
                  <c:v>16.100000000000001</c:v>
                </c:pt>
                <c:pt idx="373">
                  <c:v>16.100000000000001</c:v>
                </c:pt>
                <c:pt idx="374">
                  <c:v>16.2</c:v>
                </c:pt>
                <c:pt idx="375">
                  <c:v>16.2</c:v>
                </c:pt>
                <c:pt idx="376">
                  <c:v>16.2</c:v>
                </c:pt>
                <c:pt idx="377">
                  <c:v>16.2</c:v>
                </c:pt>
                <c:pt idx="378">
                  <c:v>16.2</c:v>
                </c:pt>
                <c:pt idx="379">
                  <c:v>16.2</c:v>
                </c:pt>
                <c:pt idx="380">
                  <c:v>16.2</c:v>
                </c:pt>
                <c:pt idx="381">
                  <c:v>16.2</c:v>
                </c:pt>
                <c:pt idx="382">
                  <c:v>16.3</c:v>
                </c:pt>
                <c:pt idx="383">
                  <c:v>16.3</c:v>
                </c:pt>
                <c:pt idx="384">
                  <c:v>16.3</c:v>
                </c:pt>
                <c:pt idx="385">
                  <c:v>16.3</c:v>
                </c:pt>
                <c:pt idx="386">
                  <c:v>16.3</c:v>
                </c:pt>
                <c:pt idx="387">
                  <c:v>16.3</c:v>
                </c:pt>
                <c:pt idx="388">
                  <c:v>16.3</c:v>
                </c:pt>
                <c:pt idx="389">
                  <c:v>16.399999999999999</c:v>
                </c:pt>
                <c:pt idx="390">
                  <c:v>16.399999999999999</c:v>
                </c:pt>
                <c:pt idx="391">
                  <c:v>16.399999999999999</c:v>
                </c:pt>
                <c:pt idx="392">
                  <c:v>16.399999999999999</c:v>
                </c:pt>
                <c:pt idx="393">
                  <c:v>16.399999999999999</c:v>
                </c:pt>
                <c:pt idx="394">
                  <c:v>16.399999999999999</c:v>
                </c:pt>
                <c:pt idx="395">
                  <c:v>16.399999999999999</c:v>
                </c:pt>
                <c:pt idx="396">
                  <c:v>16.399999999999999</c:v>
                </c:pt>
                <c:pt idx="397">
                  <c:v>16.5</c:v>
                </c:pt>
                <c:pt idx="398">
                  <c:v>16.5</c:v>
                </c:pt>
                <c:pt idx="399">
                  <c:v>16.5</c:v>
                </c:pt>
                <c:pt idx="400">
                  <c:v>16.5</c:v>
                </c:pt>
                <c:pt idx="401">
                  <c:v>16.5</c:v>
                </c:pt>
                <c:pt idx="402">
                  <c:v>16.5</c:v>
                </c:pt>
                <c:pt idx="403">
                  <c:v>16.5</c:v>
                </c:pt>
                <c:pt idx="404">
                  <c:v>16.600000000000001</c:v>
                </c:pt>
                <c:pt idx="405">
                  <c:v>16.600000000000001</c:v>
                </c:pt>
                <c:pt idx="406">
                  <c:v>16.600000000000001</c:v>
                </c:pt>
                <c:pt idx="407">
                  <c:v>16.600000000000001</c:v>
                </c:pt>
                <c:pt idx="408">
                  <c:v>16.600000000000001</c:v>
                </c:pt>
                <c:pt idx="409">
                  <c:v>16.600000000000001</c:v>
                </c:pt>
                <c:pt idx="410">
                  <c:v>16.600000000000001</c:v>
                </c:pt>
                <c:pt idx="411">
                  <c:v>16.600000000000001</c:v>
                </c:pt>
                <c:pt idx="412">
                  <c:v>16.600000000000001</c:v>
                </c:pt>
                <c:pt idx="413">
                  <c:v>16.600000000000001</c:v>
                </c:pt>
                <c:pt idx="414">
                  <c:v>16.600000000000001</c:v>
                </c:pt>
                <c:pt idx="415">
                  <c:v>16.7</c:v>
                </c:pt>
                <c:pt idx="416">
                  <c:v>16.7</c:v>
                </c:pt>
                <c:pt idx="417">
                  <c:v>16.7</c:v>
                </c:pt>
                <c:pt idx="418">
                  <c:v>16.7</c:v>
                </c:pt>
                <c:pt idx="419">
                  <c:v>16.7</c:v>
                </c:pt>
                <c:pt idx="420">
                  <c:v>16.7</c:v>
                </c:pt>
                <c:pt idx="421">
                  <c:v>16.7</c:v>
                </c:pt>
                <c:pt idx="422">
                  <c:v>16.7</c:v>
                </c:pt>
                <c:pt idx="423">
                  <c:v>16.7</c:v>
                </c:pt>
                <c:pt idx="424">
                  <c:v>16.7</c:v>
                </c:pt>
                <c:pt idx="425">
                  <c:v>16.7</c:v>
                </c:pt>
                <c:pt idx="426">
                  <c:v>16.8</c:v>
                </c:pt>
                <c:pt idx="427">
                  <c:v>16.8</c:v>
                </c:pt>
                <c:pt idx="428">
                  <c:v>16.8</c:v>
                </c:pt>
                <c:pt idx="429">
                  <c:v>16.8</c:v>
                </c:pt>
                <c:pt idx="430">
                  <c:v>16.8</c:v>
                </c:pt>
                <c:pt idx="431">
                  <c:v>16.8</c:v>
                </c:pt>
                <c:pt idx="432">
                  <c:v>16.8</c:v>
                </c:pt>
                <c:pt idx="433">
                  <c:v>16.8</c:v>
                </c:pt>
                <c:pt idx="434">
                  <c:v>16.8</c:v>
                </c:pt>
                <c:pt idx="435">
                  <c:v>16.8</c:v>
                </c:pt>
                <c:pt idx="436">
                  <c:v>16.8</c:v>
                </c:pt>
                <c:pt idx="437">
                  <c:v>16.8</c:v>
                </c:pt>
                <c:pt idx="438">
                  <c:v>16.8</c:v>
                </c:pt>
                <c:pt idx="439">
                  <c:v>16.8</c:v>
                </c:pt>
                <c:pt idx="440">
                  <c:v>16.899999999999999</c:v>
                </c:pt>
                <c:pt idx="441">
                  <c:v>16.899999999999999</c:v>
                </c:pt>
                <c:pt idx="442">
                  <c:v>16.899999999999999</c:v>
                </c:pt>
                <c:pt idx="443">
                  <c:v>16.899999999999999</c:v>
                </c:pt>
                <c:pt idx="444">
                  <c:v>16.899999999999999</c:v>
                </c:pt>
                <c:pt idx="445">
                  <c:v>16.899999999999999</c:v>
                </c:pt>
                <c:pt idx="446">
                  <c:v>16.899999999999999</c:v>
                </c:pt>
                <c:pt idx="447">
                  <c:v>16.899999999999999</c:v>
                </c:pt>
                <c:pt idx="448">
                  <c:v>16.899999999999999</c:v>
                </c:pt>
                <c:pt idx="449">
                  <c:v>16.899999999999999</c:v>
                </c:pt>
                <c:pt idx="450">
                  <c:v>16.899999999999999</c:v>
                </c:pt>
                <c:pt idx="451">
                  <c:v>16.899999999999999</c:v>
                </c:pt>
                <c:pt idx="452">
                  <c:v>17</c:v>
                </c:pt>
                <c:pt idx="453">
                  <c:v>17</c:v>
                </c:pt>
                <c:pt idx="454">
                  <c:v>17</c:v>
                </c:pt>
                <c:pt idx="455">
                  <c:v>17</c:v>
                </c:pt>
                <c:pt idx="456">
                  <c:v>17</c:v>
                </c:pt>
                <c:pt idx="457">
                  <c:v>17</c:v>
                </c:pt>
                <c:pt idx="458">
                  <c:v>17</c:v>
                </c:pt>
                <c:pt idx="459">
                  <c:v>17</c:v>
                </c:pt>
                <c:pt idx="460">
                  <c:v>17</c:v>
                </c:pt>
                <c:pt idx="461">
                  <c:v>17.100000000000001</c:v>
                </c:pt>
                <c:pt idx="462">
                  <c:v>17.100000000000001</c:v>
                </c:pt>
                <c:pt idx="463">
                  <c:v>17.100000000000001</c:v>
                </c:pt>
                <c:pt idx="464">
                  <c:v>17.100000000000001</c:v>
                </c:pt>
                <c:pt idx="465">
                  <c:v>17.100000000000001</c:v>
                </c:pt>
                <c:pt idx="466">
                  <c:v>17.100000000000001</c:v>
                </c:pt>
                <c:pt idx="467">
                  <c:v>17.100000000000001</c:v>
                </c:pt>
                <c:pt idx="468">
                  <c:v>17.100000000000001</c:v>
                </c:pt>
                <c:pt idx="469">
                  <c:v>17.100000000000001</c:v>
                </c:pt>
                <c:pt idx="470">
                  <c:v>17.100000000000001</c:v>
                </c:pt>
                <c:pt idx="471">
                  <c:v>17.100000000000001</c:v>
                </c:pt>
                <c:pt idx="472">
                  <c:v>17.2</c:v>
                </c:pt>
                <c:pt idx="473">
                  <c:v>17.2</c:v>
                </c:pt>
                <c:pt idx="474">
                  <c:v>17.2</c:v>
                </c:pt>
                <c:pt idx="475">
                  <c:v>17.2</c:v>
                </c:pt>
                <c:pt idx="476">
                  <c:v>17.2</c:v>
                </c:pt>
                <c:pt idx="477">
                  <c:v>17.2</c:v>
                </c:pt>
                <c:pt idx="478">
                  <c:v>17.2</c:v>
                </c:pt>
                <c:pt idx="479">
                  <c:v>17.2</c:v>
                </c:pt>
                <c:pt idx="480">
                  <c:v>17.2</c:v>
                </c:pt>
                <c:pt idx="481">
                  <c:v>17.3</c:v>
                </c:pt>
                <c:pt idx="482">
                  <c:v>17.3</c:v>
                </c:pt>
                <c:pt idx="483">
                  <c:v>17.3</c:v>
                </c:pt>
                <c:pt idx="484">
                  <c:v>17.2</c:v>
                </c:pt>
                <c:pt idx="485">
                  <c:v>17.3</c:v>
                </c:pt>
                <c:pt idx="486">
                  <c:v>17.3</c:v>
                </c:pt>
                <c:pt idx="487">
                  <c:v>17.3</c:v>
                </c:pt>
                <c:pt idx="488">
                  <c:v>17.3</c:v>
                </c:pt>
                <c:pt idx="489">
                  <c:v>17.3</c:v>
                </c:pt>
                <c:pt idx="490">
                  <c:v>17.3</c:v>
                </c:pt>
                <c:pt idx="491">
                  <c:v>17.3</c:v>
                </c:pt>
                <c:pt idx="492">
                  <c:v>17.399999999999999</c:v>
                </c:pt>
                <c:pt idx="493">
                  <c:v>17.399999999999999</c:v>
                </c:pt>
                <c:pt idx="494">
                  <c:v>17.399999999999999</c:v>
                </c:pt>
                <c:pt idx="495">
                  <c:v>17.399999999999999</c:v>
                </c:pt>
                <c:pt idx="496">
                  <c:v>17.399999999999999</c:v>
                </c:pt>
                <c:pt idx="497">
                  <c:v>17.399999999999999</c:v>
                </c:pt>
                <c:pt idx="498">
                  <c:v>17.399999999999999</c:v>
                </c:pt>
                <c:pt idx="499">
                  <c:v>17.399999999999999</c:v>
                </c:pt>
                <c:pt idx="500">
                  <c:v>17.399999999999999</c:v>
                </c:pt>
                <c:pt idx="501">
                  <c:v>17.399999999999999</c:v>
                </c:pt>
                <c:pt idx="502">
                  <c:v>17.5</c:v>
                </c:pt>
                <c:pt idx="503">
                  <c:v>17.5</c:v>
                </c:pt>
                <c:pt idx="504">
                  <c:v>17.5</c:v>
                </c:pt>
                <c:pt idx="505">
                  <c:v>17.5</c:v>
                </c:pt>
                <c:pt idx="506">
                  <c:v>17.5</c:v>
                </c:pt>
                <c:pt idx="507">
                  <c:v>17.5</c:v>
                </c:pt>
                <c:pt idx="508">
                  <c:v>17.5</c:v>
                </c:pt>
                <c:pt idx="509">
                  <c:v>17.5</c:v>
                </c:pt>
                <c:pt idx="510">
                  <c:v>17.5</c:v>
                </c:pt>
                <c:pt idx="511">
                  <c:v>17.5</c:v>
                </c:pt>
                <c:pt idx="512">
                  <c:v>17.5</c:v>
                </c:pt>
                <c:pt idx="513">
                  <c:v>17.5</c:v>
                </c:pt>
                <c:pt idx="514">
                  <c:v>17.600000000000001</c:v>
                </c:pt>
                <c:pt idx="515">
                  <c:v>17.600000000000001</c:v>
                </c:pt>
                <c:pt idx="516">
                  <c:v>17.600000000000001</c:v>
                </c:pt>
                <c:pt idx="517">
                  <c:v>17.600000000000001</c:v>
                </c:pt>
                <c:pt idx="518">
                  <c:v>17.600000000000001</c:v>
                </c:pt>
                <c:pt idx="519">
                  <c:v>17.600000000000001</c:v>
                </c:pt>
                <c:pt idx="520">
                  <c:v>17.600000000000001</c:v>
                </c:pt>
                <c:pt idx="521">
                  <c:v>17.600000000000001</c:v>
                </c:pt>
                <c:pt idx="522">
                  <c:v>17.600000000000001</c:v>
                </c:pt>
                <c:pt idx="523">
                  <c:v>17.600000000000001</c:v>
                </c:pt>
                <c:pt idx="524">
                  <c:v>17.600000000000001</c:v>
                </c:pt>
                <c:pt idx="525">
                  <c:v>17.600000000000001</c:v>
                </c:pt>
                <c:pt idx="526">
                  <c:v>17.600000000000001</c:v>
                </c:pt>
                <c:pt idx="527">
                  <c:v>17.7</c:v>
                </c:pt>
                <c:pt idx="528">
                  <c:v>17.7</c:v>
                </c:pt>
                <c:pt idx="529">
                  <c:v>17.7</c:v>
                </c:pt>
                <c:pt idx="530">
                  <c:v>17.7</c:v>
                </c:pt>
                <c:pt idx="531">
                  <c:v>17.7</c:v>
                </c:pt>
                <c:pt idx="532">
                  <c:v>17.7</c:v>
                </c:pt>
                <c:pt idx="533">
                  <c:v>17.7</c:v>
                </c:pt>
                <c:pt idx="534">
                  <c:v>17.7</c:v>
                </c:pt>
                <c:pt idx="535">
                  <c:v>17.7</c:v>
                </c:pt>
                <c:pt idx="536">
                  <c:v>17.7</c:v>
                </c:pt>
                <c:pt idx="537">
                  <c:v>17.7</c:v>
                </c:pt>
                <c:pt idx="538">
                  <c:v>17.8</c:v>
                </c:pt>
                <c:pt idx="539">
                  <c:v>17.8</c:v>
                </c:pt>
                <c:pt idx="540">
                  <c:v>17.8</c:v>
                </c:pt>
                <c:pt idx="541">
                  <c:v>17.8</c:v>
                </c:pt>
                <c:pt idx="542">
                  <c:v>17.8</c:v>
                </c:pt>
                <c:pt idx="543">
                  <c:v>17.8</c:v>
                </c:pt>
                <c:pt idx="544">
                  <c:v>17.8</c:v>
                </c:pt>
                <c:pt idx="545">
                  <c:v>17.8</c:v>
                </c:pt>
                <c:pt idx="546">
                  <c:v>17.8</c:v>
                </c:pt>
                <c:pt idx="547">
                  <c:v>17.8</c:v>
                </c:pt>
                <c:pt idx="548">
                  <c:v>17.8</c:v>
                </c:pt>
                <c:pt idx="549">
                  <c:v>17.8</c:v>
                </c:pt>
                <c:pt idx="550">
                  <c:v>17.8</c:v>
                </c:pt>
                <c:pt idx="551">
                  <c:v>17.8</c:v>
                </c:pt>
                <c:pt idx="552">
                  <c:v>17.899999999999999</c:v>
                </c:pt>
                <c:pt idx="553">
                  <c:v>17.899999999999999</c:v>
                </c:pt>
                <c:pt idx="554">
                  <c:v>17.899999999999999</c:v>
                </c:pt>
                <c:pt idx="555">
                  <c:v>17.899999999999999</c:v>
                </c:pt>
                <c:pt idx="556">
                  <c:v>17.899999999999999</c:v>
                </c:pt>
                <c:pt idx="557">
                  <c:v>17.899999999999999</c:v>
                </c:pt>
                <c:pt idx="558">
                  <c:v>17.899999999999999</c:v>
                </c:pt>
                <c:pt idx="559">
                  <c:v>17.899999999999999</c:v>
                </c:pt>
                <c:pt idx="560">
                  <c:v>17.899999999999999</c:v>
                </c:pt>
                <c:pt idx="561">
                  <c:v>17.899999999999999</c:v>
                </c:pt>
                <c:pt idx="562">
                  <c:v>17.899999999999999</c:v>
                </c:pt>
                <c:pt idx="563">
                  <c:v>17.899999999999999</c:v>
                </c:pt>
                <c:pt idx="564">
                  <c:v>17.899999999999999</c:v>
                </c:pt>
                <c:pt idx="565">
                  <c:v>18</c:v>
                </c:pt>
                <c:pt idx="566">
                  <c:v>18</c:v>
                </c:pt>
                <c:pt idx="567">
                  <c:v>18</c:v>
                </c:pt>
                <c:pt idx="568">
                  <c:v>18</c:v>
                </c:pt>
                <c:pt idx="569">
                  <c:v>18</c:v>
                </c:pt>
                <c:pt idx="570">
                  <c:v>18</c:v>
                </c:pt>
                <c:pt idx="571">
                  <c:v>18</c:v>
                </c:pt>
                <c:pt idx="572">
                  <c:v>18</c:v>
                </c:pt>
                <c:pt idx="573">
                  <c:v>18.100000000000001</c:v>
                </c:pt>
                <c:pt idx="574">
                  <c:v>18.100000000000001</c:v>
                </c:pt>
                <c:pt idx="575">
                  <c:v>18.100000000000001</c:v>
                </c:pt>
                <c:pt idx="576">
                  <c:v>18.100000000000001</c:v>
                </c:pt>
                <c:pt idx="577">
                  <c:v>18.100000000000001</c:v>
                </c:pt>
                <c:pt idx="578">
                  <c:v>18.100000000000001</c:v>
                </c:pt>
                <c:pt idx="579">
                  <c:v>18.100000000000001</c:v>
                </c:pt>
                <c:pt idx="580">
                  <c:v>18.100000000000001</c:v>
                </c:pt>
                <c:pt idx="581">
                  <c:v>18.100000000000001</c:v>
                </c:pt>
                <c:pt idx="582">
                  <c:v>18.2</c:v>
                </c:pt>
                <c:pt idx="583">
                  <c:v>18.2</c:v>
                </c:pt>
                <c:pt idx="584">
                  <c:v>18.2</c:v>
                </c:pt>
                <c:pt idx="585">
                  <c:v>18.2</c:v>
                </c:pt>
                <c:pt idx="586">
                  <c:v>18.2</c:v>
                </c:pt>
                <c:pt idx="587">
                  <c:v>18.2</c:v>
                </c:pt>
                <c:pt idx="588">
                  <c:v>18.2</c:v>
                </c:pt>
                <c:pt idx="589">
                  <c:v>18.2</c:v>
                </c:pt>
                <c:pt idx="590">
                  <c:v>18.2</c:v>
                </c:pt>
                <c:pt idx="591">
                  <c:v>18.2</c:v>
                </c:pt>
                <c:pt idx="592">
                  <c:v>18.2</c:v>
                </c:pt>
                <c:pt idx="593">
                  <c:v>18.3</c:v>
                </c:pt>
                <c:pt idx="594">
                  <c:v>18.3</c:v>
                </c:pt>
                <c:pt idx="595">
                  <c:v>18.3</c:v>
                </c:pt>
                <c:pt idx="596">
                  <c:v>18.3</c:v>
                </c:pt>
                <c:pt idx="597">
                  <c:v>18.3</c:v>
                </c:pt>
                <c:pt idx="598">
                  <c:v>18.3</c:v>
                </c:pt>
                <c:pt idx="599">
                  <c:v>18.3</c:v>
                </c:pt>
                <c:pt idx="600">
                  <c:v>18.3</c:v>
                </c:pt>
                <c:pt idx="601">
                  <c:v>18.3</c:v>
                </c:pt>
                <c:pt idx="602">
                  <c:v>18.3</c:v>
                </c:pt>
                <c:pt idx="603">
                  <c:v>18.399999999999999</c:v>
                </c:pt>
                <c:pt idx="604">
                  <c:v>18.3</c:v>
                </c:pt>
                <c:pt idx="605">
                  <c:v>18.399999999999999</c:v>
                </c:pt>
                <c:pt idx="606">
                  <c:v>18.399999999999999</c:v>
                </c:pt>
                <c:pt idx="607">
                  <c:v>18.399999999999999</c:v>
                </c:pt>
                <c:pt idx="608">
                  <c:v>18.399999999999999</c:v>
                </c:pt>
                <c:pt idx="609">
                  <c:v>18.399999999999999</c:v>
                </c:pt>
                <c:pt idx="610">
                  <c:v>18.399999999999999</c:v>
                </c:pt>
                <c:pt idx="611">
                  <c:v>18.399999999999999</c:v>
                </c:pt>
                <c:pt idx="612">
                  <c:v>18.399999999999999</c:v>
                </c:pt>
                <c:pt idx="613">
                  <c:v>18.399999999999999</c:v>
                </c:pt>
                <c:pt idx="614">
                  <c:v>18.399999999999999</c:v>
                </c:pt>
                <c:pt idx="615">
                  <c:v>18.399999999999999</c:v>
                </c:pt>
                <c:pt idx="616">
                  <c:v>18.5</c:v>
                </c:pt>
                <c:pt idx="617">
                  <c:v>18.5</c:v>
                </c:pt>
                <c:pt idx="618">
                  <c:v>18.5</c:v>
                </c:pt>
                <c:pt idx="619">
                  <c:v>18.5</c:v>
                </c:pt>
                <c:pt idx="620">
                  <c:v>18.5</c:v>
                </c:pt>
                <c:pt idx="621">
                  <c:v>18.5</c:v>
                </c:pt>
                <c:pt idx="622">
                  <c:v>18.5</c:v>
                </c:pt>
                <c:pt idx="623">
                  <c:v>18.5</c:v>
                </c:pt>
                <c:pt idx="624">
                  <c:v>18.5</c:v>
                </c:pt>
                <c:pt idx="625">
                  <c:v>18.5</c:v>
                </c:pt>
                <c:pt idx="626">
                  <c:v>18.5</c:v>
                </c:pt>
                <c:pt idx="627">
                  <c:v>18.5</c:v>
                </c:pt>
                <c:pt idx="628">
                  <c:v>18.5</c:v>
                </c:pt>
                <c:pt idx="629">
                  <c:v>18.600000000000001</c:v>
                </c:pt>
                <c:pt idx="630">
                  <c:v>18.600000000000001</c:v>
                </c:pt>
                <c:pt idx="631">
                  <c:v>18.600000000000001</c:v>
                </c:pt>
                <c:pt idx="632">
                  <c:v>18.5</c:v>
                </c:pt>
                <c:pt idx="633">
                  <c:v>18.600000000000001</c:v>
                </c:pt>
                <c:pt idx="634">
                  <c:v>18.600000000000001</c:v>
                </c:pt>
                <c:pt idx="635">
                  <c:v>18.600000000000001</c:v>
                </c:pt>
                <c:pt idx="636">
                  <c:v>18.600000000000001</c:v>
                </c:pt>
                <c:pt idx="637">
                  <c:v>18.600000000000001</c:v>
                </c:pt>
                <c:pt idx="638">
                  <c:v>18.600000000000001</c:v>
                </c:pt>
                <c:pt idx="639">
                  <c:v>18.600000000000001</c:v>
                </c:pt>
                <c:pt idx="640">
                  <c:v>18.600000000000001</c:v>
                </c:pt>
                <c:pt idx="641">
                  <c:v>18.600000000000001</c:v>
                </c:pt>
                <c:pt idx="642">
                  <c:v>18.600000000000001</c:v>
                </c:pt>
                <c:pt idx="643">
                  <c:v>18.7</c:v>
                </c:pt>
                <c:pt idx="644">
                  <c:v>18.600000000000001</c:v>
                </c:pt>
                <c:pt idx="645">
                  <c:v>18.7</c:v>
                </c:pt>
                <c:pt idx="646">
                  <c:v>18.7</c:v>
                </c:pt>
                <c:pt idx="647">
                  <c:v>18.7</c:v>
                </c:pt>
                <c:pt idx="648">
                  <c:v>18.7</c:v>
                </c:pt>
                <c:pt idx="649">
                  <c:v>18.7</c:v>
                </c:pt>
                <c:pt idx="650">
                  <c:v>18.7</c:v>
                </c:pt>
                <c:pt idx="651">
                  <c:v>18.7</c:v>
                </c:pt>
                <c:pt idx="652">
                  <c:v>18.7</c:v>
                </c:pt>
                <c:pt idx="653">
                  <c:v>18.7</c:v>
                </c:pt>
                <c:pt idx="654">
                  <c:v>18.7</c:v>
                </c:pt>
                <c:pt idx="655">
                  <c:v>18.7</c:v>
                </c:pt>
                <c:pt idx="656">
                  <c:v>18.7</c:v>
                </c:pt>
                <c:pt idx="657">
                  <c:v>18.7</c:v>
                </c:pt>
                <c:pt idx="658">
                  <c:v>18.7</c:v>
                </c:pt>
                <c:pt idx="659">
                  <c:v>18.7</c:v>
                </c:pt>
                <c:pt idx="660">
                  <c:v>18.8</c:v>
                </c:pt>
                <c:pt idx="661">
                  <c:v>18.8</c:v>
                </c:pt>
                <c:pt idx="662">
                  <c:v>18.8</c:v>
                </c:pt>
                <c:pt idx="663">
                  <c:v>18.8</c:v>
                </c:pt>
                <c:pt idx="664">
                  <c:v>18.8</c:v>
                </c:pt>
                <c:pt idx="665">
                  <c:v>18.8</c:v>
                </c:pt>
                <c:pt idx="666">
                  <c:v>18.8</c:v>
                </c:pt>
                <c:pt idx="667">
                  <c:v>18.8</c:v>
                </c:pt>
                <c:pt idx="668">
                  <c:v>18.8</c:v>
                </c:pt>
                <c:pt idx="669">
                  <c:v>18.8</c:v>
                </c:pt>
                <c:pt idx="670">
                  <c:v>18.899999999999999</c:v>
                </c:pt>
                <c:pt idx="671">
                  <c:v>18.899999999999999</c:v>
                </c:pt>
                <c:pt idx="672">
                  <c:v>18.899999999999999</c:v>
                </c:pt>
                <c:pt idx="673">
                  <c:v>18.8</c:v>
                </c:pt>
                <c:pt idx="674">
                  <c:v>18.899999999999999</c:v>
                </c:pt>
                <c:pt idx="675">
                  <c:v>18.899999999999999</c:v>
                </c:pt>
                <c:pt idx="676">
                  <c:v>18.899999999999999</c:v>
                </c:pt>
                <c:pt idx="677">
                  <c:v>18.899999999999999</c:v>
                </c:pt>
                <c:pt idx="678">
                  <c:v>18.899999999999999</c:v>
                </c:pt>
                <c:pt idx="679">
                  <c:v>18.899999999999999</c:v>
                </c:pt>
                <c:pt idx="680">
                  <c:v>18.899999999999999</c:v>
                </c:pt>
                <c:pt idx="681">
                  <c:v>18.899999999999999</c:v>
                </c:pt>
                <c:pt idx="682">
                  <c:v>18.899999999999999</c:v>
                </c:pt>
                <c:pt idx="683">
                  <c:v>18.899999999999999</c:v>
                </c:pt>
                <c:pt idx="684">
                  <c:v>18.899999999999999</c:v>
                </c:pt>
                <c:pt idx="685">
                  <c:v>18.899999999999999</c:v>
                </c:pt>
                <c:pt idx="686">
                  <c:v>18.899999999999999</c:v>
                </c:pt>
                <c:pt idx="687">
                  <c:v>18.899999999999999</c:v>
                </c:pt>
                <c:pt idx="688">
                  <c:v>18.899999999999999</c:v>
                </c:pt>
                <c:pt idx="689">
                  <c:v>19</c:v>
                </c:pt>
                <c:pt idx="690">
                  <c:v>19</c:v>
                </c:pt>
                <c:pt idx="691">
                  <c:v>19</c:v>
                </c:pt>
                <c:pt idx="692">
                  <c:v>19</c:v>
                </c:pt>
                <c:pt idx="693">
                  <c:v>19</c:v>
                </c:pt>
                <c:pt idx="694">
                  <c:v>19</c:v>
                </c:pt>
                <c:pt idx="695">
                  <c:v>19</c:v>
                </c:pt>
                <c:pt idx="696">
                  <c:v>19</c:v>
                </c:pt>
                <c:pt idx="697">
                  <c:v>19</c:v>
                </c:pt>
                <c:pt idx="698">
                  <c:v>19</c:v>
                </c:pt>
                <c:pt idx="699">
                  <c:v>19</c:v>
                </c:pt>
                <c:pt idx="700">
                  <c:v>19</c:v>
                </c:pt>
                <c:pt idx="701">
                  <c:v>19</c:v>
                </c:pt>
                <c:pt idx="702">
                  <c:v>19</c:v>
                </c:pt>
                <c:pt idx="703">
                  <c:v>19.100000000000001</c:v>
                </c:pt>
                <c:pt idx="704">
                  <c:v>19</c:v>
                </c:pt>
                <c:pt idx="705">
                  <c:v>19.100000000000001</c:v>
                </c:pt>
                <c:pt idx="706">
                  <c:v>19.100000000000001</c:v>
                </c:pt>
                <c:pt idx="707">
                  <c:v>19.100000000000001</c:v>
                </c:pt>
                <c:pt idx="708">
                  <c:v>19.100000000000001</c:v>
                </c:pt>
                <c:pt idx="709">
                  <c:v>19.100000000000001</c:v>
                </c:pt>
                <c:pt idx="710">
                  <c:v>19.100000000000001</c:v>
                </c:pt>
                <c:pt idx="711">
                  <c:v>19.100000000000001</c:v>
                </c:pt>
                <c:pt idx="712">
                  <c:v>19.100000000000001</c:v>
                </c:pt>
                <c:pt idx="713">
                  <c:v>19.100000000000001</c:v>
                </c:pt>
                <c:pt idx="714">
                  <c:v>19.100000000000001</c:v>
                </c:pt>
                <c:pt idx="715">
                  <c:v>19.100000000000001</c:v>
                </c:pt>
                <c:pt idx="716">
                  <c:v>19.100000000000001</c:v>
                </c:pt>
                <c:pt idx="717">
                  <c:v>19.100000000000001</c:v>
                </c:pt>
                <c:pt idx="718">
                  <c:v>19.100000000000001</c:v>
                </c:pt>
                <c:pt idx="719">
                  <c:v>19.100000000000001</c:v>
                </c:pt>
                <c:pt idx="720">
                  <c:v>19.100000000000001</c:v>
                </c:pt>
                <c:pt idx="721">
                  <c:v>19.100000000000001</c:v>
                </c:pt>
                <c:pt idx="722">
                  <c:v>19.2</c:v>
                </c:pt>
                <c:pt idx="723">
                  <c:v>19.2</c:v>
                </c:pt>
                <c:pt idx="724">
                  <c:v>19.2</c:v>
                </c:pt>
                <c:pt idx="725">
                  <c:v>19.2</c:v>
                </c:pt>
                <c:pt idx="726">
                  <c:v>19.2</c:v>
                </c:pt>
                <c:pt idx="727">
                  <c:v>19.2</c:v>
                </c:pt>
                <c:pt idx="728">
                  <c:v>19.2</c:v>
                </c:pt>
                <c:pt idx="729">
                  <c:v>19.2</c:v>
                </c:pt>
                <c:pt idx="730">
                  <c:v>19.2</c:v>
                </c:pt>
                <c:pt idx="731">
                  <c:v>19.2</c:v>
                </c:pt>
                <c:pt idx="732">
                  <c:v>19.2</c:v>
                </c:pt>
                <c:pt idx="733">
                  <c:v>19.2</c:v>
                </c:pt>
                <c:pt idx="734">
                  <c:v>19.2</c:v>
                </c:pt>
                <c:pt idx="735">
                  <c:v>19.2</c:v>
                </c:pt>
                <c:pt idx="736">
                  <c:v>19.2</c:v>
                </c:pt>
                <c:pt idx="737">
                  <c:v>19.2</c:v>
                </c:pt>
                <c:pt idx="738">
                  <c:v>19.2</c:v>
                </c:pt>
                <c:pt idx="739">
                  <c:v>19.2</c:v>
                </c:pt>
                <c:pt idx="740">
                  <c:v>19.2</c:v>
                </c:pt>
                <c:pt idx="741">
                  <c:v>19.2</c:v>
                </c:pt>
                <c:pt idx="742">
                  <c:v>19.2</c:v>
                </c:pt>
                <c:pt idx="743">
                  <c:v>19.2</c:v>
                </c:pt>
                <c:pt idx="744">
                  <c:v>19.2</c:v>
                </c:pt>
                <c:pt idx="745">
                  <c:v>19.2</c:v>
                </c:pt>
                <c:pt idx="746">
                  <c:v>19.2</c:v>
                </c:pt>
                <c:pt idx="747">
                  <c:v>19.2</c:v>
                </c:pt>
                <c:pt idx="748">
                  <c:v>19.2</c:v>
                </c:pt>
                <c:pt idx="749">
                  <c:v>19.2</c:v>
                </c:pt>
                <c:pt idx="750">
                  <c:v>19.2</c:v>
                </c:pt>
                <c:pt idx="751">
                  <c:v>19.2</c:v>
                </c:pt>
                <c:pt idx="752">
                  <c:v>19.2</c:v>
                </c:pt>
                <c:pt idx="753">
                  <c:v>19.2</c:v>
                </c:pt>
                <c:pt idx="754">
                  <c:v>19.2</c:v>
                </c:pt>
                <c:pt idx="755">
                  <c:v>19.2</c:v>
                </c:pt>
                <c:pt idx="756">
                  <c:v>19.3</c:v>
                </c:pt>
                <c:pt idx="757">
                  <c:v>19.3</c:v>
                </c:pt>
                <c:pt idx="758">
                  <c:v>19.3</c:v>
                </c:pt>
                <c:pt idx="759">
                  <c:v>19.3</c:v>
                </c:pt>
                <c:pt idx="760">
                  <c:v>19.3</c:v>
                </c:pt>
                <c:pt idx="761">
                  <c:v>19.3</c:v>
                </c:pt>
                <c:pt idx="762">
                  <c:v>19.3</c:v>
                </c:pt>
                <c:pt idx="763">
                  <c:v>19.3</c:v>
                </c:pt>
                <c:pt idx="764">
                  <c:v>19.3</c:v>
                </c:pt>
                <c:pt idx="765">
                  <c:v>19.3</c:v>
                </c:pt>
                <c:pt idx="766">
                  <c:v>19.3</c:v>
                </c:pt>
                <c:pt idx="767">
                  <c:v>19.3</c:v>
                </c:pt>
                <c:pt idx="768">
                  <c:v>19.3</c:v>
                </c:pt>
                <c:pt idx="769">
                  <c:v>19.3</c:v>
                </c:pt>
                <c:pt idx="770">
                  <c:v>19.3</c:v>
                </c:pt>
                <c:pt idx="771">
                  <c:v>19.3</c:v>
                </c:pt>
                <c:pt idx="772">
                  <c:v>19.3</c:v>
                </c:pt>
                <c:pt idx="773">
                  <c:v>19.3</c:v>
                </c:pt>
                <c:pt idx="774">
                  <c:v>19.3</c:v>
                </c:pt>
                <c:pt idx="775">
                  <c:v>19.3</c:v>
                </c:pt>
                <c:pt idx="776">
                  <c:v>19.3</c:v>
                </c:pt>
                <c:pt idx="777">
                  <c:v>19.3</c:v>
                </c:pt>
                <c:pt idx="778">
                  <c:v>19.3</c:v>
                </c:pt>
                <c:pt idx="779">
                  <c:v>19.3</c:v>
                </c:pt>
                <c:pt idx="780">
                  <c:v>19.399999999999999</c:v>
                </c:pt>
                <c:pt idx="781">
                  <c:v>19.3</c:v>
                </c:pt>
                <c:pt idx="782">
                  <c:v>19.3</c:v>
                </c:pt>
                <c:pt idx="783">
                  <c:v>19.399999999999999</c:v>
                </c:pt>
                <c:pt idx="784">
                  <c:v>19.3</c:v>
                </c:pt>
                <c:pt idx="785">
                  <c:v>19.3</c:v>
                </c:pt>
                <c:pt idx="786">
                  <c:v>19.3</c:v>
                </c:pt>
                <c:pt idx="787">
                  <c:v>19.3</c:v>
                </c:pt>
                <c:pt idx="788">
                  <c:v>19.399999999999999</c:v>
                </c:pt>
                <c:pt idx="789">
                  <c:v>19.3</c:v>
                </c:pt>
                <c:pt idx="790">
                  <c:v>19.399999999999999</c:v>
                </c:pt>
                <c:pt idx="791">
                  <c:v>19.399999999999999</c:v>
                </c:pt>
                <c:pt idx="792">
                  <c:v>19.399999999999999</c:v>
                </c:pt>
                <c:pt idx="793">
                  <c:v>19.399999999999999</c:v>
                </c:pt>
                <c:pt idx="794">
                  <c:v>19.399999999999999</c:v>
                </c:pt>
                <c:pt idx="795">
                  <c:v>19.399999999999999</c:v>
                </c:pt>
                <c:pt idx="796">
                  <c:v>19.399999999999999</c:v>
                </c:pt>
                <c:pt idx="797">
                  <c:v>19.399999999999999</c:v>
                </c:pt>
                <c:pt idx="798">
                  <c:v>19.399999999999999</c:v>
                </c:pt>
                <c:pt idx="799">
                  <c:v>19.399999999999999</c:v>
                </c:pt>
                <c:pt idx="800">
                  <c:v>19.399999999999999</c:v>
                </c:pt>
                <c:pt idx="801">
                  <c:v>19.399999999999999</c:v>
                </c:pt>
                <c:pt idx="802">
                  <c:v>19.399999999999999</c:v>
                </c:pt>
                <c:pt idx="803">
                  <c:v>19.399999999999999</c:v>
                </c:pt>
                <c:pt idx="804">
                  <c:v>19.399999999999999</c:v>
                </c:pt>
                <c:pt idx="805">
                  <c:v>19.399999999999999</c:v>
                </c:pt>
                <c:pt idx="806">
                  <c:v>19.399999999999999</c:v>
                </c:pt>
                <c:pt idx="807">
                  <c:v>19.399999999999999</c:v>
                </c:pt>
                <c:pt idx="808">
                  <c:v>19.399999999999999</c:v>
                </c:pt>
                <c:pt idx="809">
                  <c:v>19.399999999999999</c:v>
                </c:pt>
                <c:pt idx="810">
                  <c:v>19.399999999999999</c:v>
                </c:pt>
                <c:pt idx="811">
                  <c:v>19.399999999999999</c:v>
                </c:pt>
                <c:pt idx="812">
                  <c:v>19.399999999999999</c:v>
                </c:pt>
                <c:pt idx="813">
                  <c:v>19.399999999999999</c:v>
                </c:pt>
                <c:pt idx="814">
                  <c:v>19.5</c:v>
                </c:pt>
                <c:pt idx="815">
                  <c:v>19.5</c:v>
                </c:pt>
                <c:pt idx="816">
                  <c:v>19.5</c:v>
                </c:pt>
                <c:pt idx="817">
                  <c:v>19.5</c:v>
                </c:pt>
                <c:pt idx="818">
                  <c:v>19.5</c:v>
                </c:pt>
                <c:pt idx="819">
                  <c:v>19.5</c:v>
                </c:pt>
                <c:pt idx="820">
                  <c:v>19.5</c:v>
                </c:pt>
                <c:pt idx="821">
                  <c:v>19.5</c:v>
                </c:pt>
                <c:pt idx="822">
                  <c:v>19.5</c:v>
                </c:pt>
                <c:pt idx="823">
                  <c:v>19.5</c:v>
                </c:pt>
                <c:pt idx="824">
                  <c:v>19.5</c:v>
                </c:pt>
                <c:pt idx="825">
                  <c:v>19.5</c:v>
                </c:pt>
                <c:pt idx="826">
                  <c:v>19.5</c:v>
                </c:pt>
                <c:pt idx="827">
                  <c:v>19.5</c:v>
                </c:pt>
                <c:pt idx="828">
                  <c:v>19.5</c:v>
                </c:pt>
                <c:pt idx="829">
                  <c:v>19.5</c:v>
                </c:pt>
                <c:pt idx="830">
                  <c:v>19.5</c:v>
                </c:pt>
                <c:pt idx="831">
                  <c:v>19.5</c:v>
                </c:pt>
                <c:pt idx="832">
                  <c:v>19.600000000000001</c:v>
                </c:pt>
                <c:pt idx="833">
                  <c:v>19.600000000000001</c:v>
                </c:pt>
                <c:pt idx="834">
                  <c:v>19.600000000000001</c:v>
                </c:pt>
                <c:pt idx="835">
                  <c:v>19.600000000000001</c:v>
                </c:pt>
                <c:pt idx="836">
                  <c:v>19.600000000000001</c:v>
                </c:pt>
                <c:pt idx="837">
                  <c:v>19.600000000000001</c:v>
                </c:pt>
                <c:pt idx="838">
                  <c:v>19.600000000000001</c:v>
                </c:pt>
                <c:pt idx="839">
                  <c:v>19.600000000000001</c:v>
                </c:pt>
                <c:pt idx="840">
                  <c:v>19.600000000000001</c:v>
                </c:pt>
                <c:pt idx="841">
                  <c:v>19.600000000000001</c:v>
                </c:pt>
                <c:pt idx="842">
                  <c:v>19.600000000000001</c:v>
                </c:pt>
                <c:pt idx="843">
                  <c:v>19.600000000000001</c:v>
                </c:pt>
                <c:pt idx="844">
                  <c:v>19.600000000000001</c:v>
                </c:pt>
                <c:pt idx="845">
                  <c:v>19.600000000000001</c:v>
                </c:pt>
                <c:pt idx="846">
                  <c:v>19.600000000000001</c:v>
                </c:pt>
                <c:pt idx="847">
                  <c:v>19.600000000000001</c:v>
                </c:pt>
                <c:pt idx="848">
                  <c:v>19.600000000000001</c:v>
                </c:pt>
                <c:pt idx="849">
                  <c:v>19.600000000000001</c:v>
                </c:pt>
                <c:pt idx="850">
                  <c:v>19.600000000000001</c:v>
                </c:pt>
                <c:pt idx="851">
                  <c:v>19.600000000000001</c:v>
                </c:pt>
                <c:pt idx="852">
                  <c:v>19.600000000000001</c:v>
                </c:pt>
                <c:pt idx="853">
                  <c:v>19.600000000000001</c:v>
                </c:pt>
                <c:pt idx="854">
                  <c:v>19.600000000000001</c:v>
                </c:pt>
                <c:pt idx="855">
                  <c:v>19.600000000000001</c:v>
                </c:pt>
                <c:pt idx="856">
                  <c:v>19.600000000000001</c:v>
                </c:pt>
                <c:pt idx="857">
                  <c:v>19.7</c:v>
                </c:pt>
                <c:pt idx="858">
                  <c:v>19.7</c:v>
                </c:pt>
                <c:pt idx="859">
                  <c:v>19.7</c:v>
                </c:pt>
                <c:pt idx="860">
                  <c:v>19.7</c:v>
                </c:pt>
                <c:pt idx="861">
                  <c:v>19.7</c:v>
                </c:pt>
                <c:pt idx="862">
                  <c:v>19.7</c:v>
                </c:pt>
                <c:pt idx="863">
                  <c:v>19.7</c:v>
                </c:pt>
                <c:pt idx="864">
                  <c:v>19.7</c:v>
                </c:pt>
                <c:pt idx="865">
                  <c:v>19.7</c:v>
                </c:pt>
                <c:pt idx="866">
                  <c:v>19.7</c:v>
                </c:pt>
                <c:pt idx="867">
                  <c:v>19.7</c:v>
                </c:pt>
                <c:pt idx="868">
                  <c:v>19.7</c:v>
                </c:pt>
                <c:pt idx="869">
                  <c:v>19.7</c:v>
                </c:pt>
                <c:pt idx="870">
                  <c:v>19.7</c:v>
                </c:pt>
                <c:pt idx="871">
                  <c:v>19.7</c:v>
                </c:pt>
                <c:pt idx="872">
                  <c:v>19.7</c:v>
                </c:pt>
                <c:pt idx="873">
                  <c:v>19.7</c:v>
                </c:pt>
                <c:pt idx="874">
                  <c:v>19.7</c:v>
                </c:pt>
                <c:pt idx="875">
                  <c:v>19.7</c:v>
                </c:pt>
                <c:pt idx="876">
                  <c:v>19.7</c:v>
                </c:pt>
                <c:pt idx="877">
                  <c:v>19.7</c:v>
                </c:pt>
                <c:pt idx="878">
                  <c:v>19.8</c:v>
                </c:pt>
                <c:pt idx="879">
                  <c:v>19.8</c:v>
                </c:pt>
                <c:pt idx="880">
                  <c:v>19.8</c:v>
                </c:pt>
                <c:pt idx="881">
                  <c:v>19.8</c:v>
                </c:pt>
                <c:pt idx="882">
                  <c:v>19.8</c:v>
                </c:pt>
                <c:pt idx="883">
                  <c:v>19.8</c:v>
                </c:pt>
                <c:pt idx="884">
                  <c:v>19.8</c:v>
                </c:pt>
                <c:pt idx="885">
                  <c:v>19.8</c:v>
                </c:pt>
                <c:pt idx="886">
                  <c:v>19.8</c:v>
                </c:pt>
                <c:pt idx="887">
                  <c:v>19.8</c:v>
                </c:pt>
                <c:pt idx="888">
                  <c:v>19.8</c:v>
                </c:pt>
                <c:pt idx="889">
                  <c:v>19.8</c:v>
                </c:pt>
                <c:pt idx="890">
                  <c:v>19.8</c:v>
                </c:pt>
                <c:pt idx="891">
                  <c:v>19.8</c:v>
                </c:pt>
                <c:pt idx="892">
                  <c:v>19.8</c:v>
                </c:pt>
                <c:pt idx="893">
                  <c:v>19.8</c:v>
                </c:pt>
                <c:pt idx="894">
                  <c:v>19.8</c:v>
                </c:pt>
                <c:pt idx="895">
                  <c:v>19.8</c:v>
                </c:pt>
                <c:pt idx="896">
                  <c:v>19.8</c:v>
                </c:pt>
                <c:pt idx="897">
                  <c:v>19.8</c:v>
                </c:pt>
                <c:pt idx="898">
                  <c:v>19.8</c:v>
                </c:pt>
                <c:pt idx="899">
                  <c:v>19.8</c:v>
                </c:pt>
                <c:pt idx="900">
                  <c:v>19.8</c:v>
                </c:pt>
                <c:pt idx="901">
                  <c:v>19.8</c:v>
                </c:pt>
                <c:pt idx="902">
                  <c:v>19.8</c:v>
                </c:pt>
                <c:pt idx="903">
                  <c:v>19.8</c:v>
                </c:pt>
                <c:pt idx="904">
                  <c:v>19.899999999999999</c:v>
                </c:pt>
                <c:pt idx="905">
                  <c:v>19.8</c:v>
                </c:pt>
                <c:pt idx="906">
                  <c:v>19.899999999999999</c:v>
                </c:pt>
                <c:pt idx="907">
                  <c:v>19.899999999999999</c:v>
                </c:pt>
                <c:pt idx="908">
                  <c:v>19.899999999999999</c:v>
                </c:pt>
                <c:pt idx="909">
                  <c:v>19.899999999999999</c:v>
                </c:pt>
                <c:pt idx="910">
                  <c:v>19.899999999999999</c:v>
                </c:pt>
                <c:pt idx="911">
                  <c:v>19.899999999999999</c:v>
                </c:pt>
                <c:pt idx="912">
                  <c:v>19.899999999999999</c:v>
                </c:pt>
                <c:pt idx="913">
                  <c:v>19.899999999999999</c:v>
                </c:pt>
                <c:pt idx="914">
                  <c:v>19.899999999999999</c:v>
                </c:pt>
                <c:pt idx="915">
                  <c:v>19.899999999999999</c:v>
                </c:pt>
                <c:pt idx="916">
                  <c:v>19.899999999999999</c:v>
                </c:pt>
                <c:pt idx="917">
                  <c:v>19.899999999999999</c:v>
                </c:pt>
                <c:pt idx="918">
                  <c:v>19.899999999999999</c:v>
                </c:pt>
                <c:pt idx="919">
                  <c:v>19.899999999999999</c:v>
                </c:pt>
                <c:pt idx="920">
                  <c:v>19.899999999999999</c:v>
                </c:pt>
                <c:pt idx="921">
                  <c:v>19.899999999999999</c:v>
                </c:pt>
                <c:pt idx="922">
                  <c:v>19.899999999999999</c:v>
                </c:pt>
                <c:pt idx="923">
                  <c:v>19.899999999999999</c:v>
                </c:pt>
                <c:pt idx="924">
                  <c:v>19.899999999999999</c:v>
                </c:pt>
                <c:pt idx="925">
                  <c:v>19.899999999999999</c:v>
                </c:pt>
                <c:pt idx="926">
                  <c:v>19.899999999999999</c:v>
                </c:pt>
                <c:pt idx="927">
                  <c:v>19.899999999999999</c:v>
                </c:pt>
                <c:pt idx="928">
                  <c:v>20</c:v>
                </c:pt>
                <c:pt idx="929">
                  <c:v>20</c:v>
                </c:pt>
                <c:pt idx="930">
                  <c:v>19.899999999999999</c:v>
                </c:pt>
                <c:pt idx="931">
                  <c:v>20</c:v>
                </c:pt>
                <c:pt idx="932">
                  <c:v>20</c:v>
                </c:pt>
                <c:pt idx="933">
                  <c:v>20</c:v>
                </c:pt>
                <c:pt idx="934">
                  <c:v>20</c:v>
                </c:pt>
                <c:pt idx="935">
                  <c:v>20</c:v>
                </c:pt>
                <c:pt idx="936">
                  <c:v>20</c:v>
                </c:pt>
                <c:pt idx="937">
                  <c:v>20</c:v>
                </c:pt>
                <c:pt idx="938">
                  <c:v>20</c:v>
                </c:pt>
                <c:pt idx="939">
                  <c:v>20</c:v>
                </c:pt>
                <c:pt idx="940">
                  <c:v>20</c:v>
                </c:pt>
                <c:pt idx="941">
                  <c:v>20</c:v>
                </c:pt>
                <c:pt idx="942">
                  <c:v>20</c:v>
                </c:pt>
                <c:pt idx="943">
                  <c:v>20</c:v>
                </c:pt>
                <c:pt idx="944">
                  <c:v>20</c:v>
                </c:pt>
                <c:pt idx="945">
                  <c:v>20</c:v>
                </c:pt>
                <c:pt idx="946">
                  <c:v>20</c:v>
                </c:pt>
                <c:pt idx="947">
                  <c:v>20</c:v>
                </c:pt>
                <c:pt idx="948">
                  <c:v>20</c:v>
                </c:pt>
                <c:pt idx="949">
                  <c:v>20</c:v>
                </c:pt>
                <c:pt idx="950">
                  <c:v>20</c:v>
                </c:pt>
                <c:pt idx="951">
                  <c:v>20</c:v>
                </c:pt>
                <c:pt idx="952">
                  <c:v>20</c:v>
                </c:pt>
                <c:pt idx="953">
                  <c:v>20</c:v>
                </c:pt>
                <c:pt idx="954">
                  <c:v>20</c:v>
                </c:pt>
                <c:pt idx="955">
                  <c:v>20.100000000000001</c:v>
                </c:pt>
                <c:pt idx="956">
                  <c:v>20.100000000000001</c:v>
                </c:pt>
                <c:pt idx="957">
                  <c:v>20.100000000000001</c:v>
                </c:pt>
                <c:pt idx="958">
                  <c:v>20</c:v>
                </c:pt>
                <c:pt idx="959">
                  <c:v>20.100000000000001</c:v>
                </c:pt>
                <c:pt idx="960">
                  <c:v>20.100000000000001</c:v>
                </c:pt>
                <c:pt idx="961">
                  <c:v>20.100000000000001</c:v>
                </c:pt>
                <c:pt idx="962">
                  <c:v>20.100000000000001</c:v>
                </c:pt>
                <c:pt idx="963">
                  <c:v>20.100000000000001</c:v>
                </c:pt>
                <c:pt idx="964">
                  <c:v>20.100000000000001</c:v>
                </c:pt>
                <c:pt idx="965">
                  <c:v>20.100000000000001</c:v>
                </c:pt>
                <c:pt idx="966">
                  <c:v>20.100000000000001</c:v>
                </c:pt>
                <c:pt idx="967">
                  <c:v>20.100000000000001</c:v>
                </c:pt>
                <c:pt idx="968">
                  <c:v>20.100000000000001</c:v>
                </c:pt>
                <c:pt idx="969">
                  <c:v>20.100000000000001</c:v>
                </c:pt>
                <c:pt idx="970">
                  <c:v>20.100000000000001</c:v>
                </c:pt>
                <c:pt idx="971">
                  <c:v>20.100000000000001</c:v>
                </c:pt>
                <c:pt idx="972">
                  <c:v>20.100000000000001</c:v>
                </c:pt>
                <c:pt idx="973">
                  <c:v>20.100000000000001</c:v>
                </c:pt>
                <c:pt idx="974">
                  <c:v>20.100000000000001</c:v>
                </c:pt>
                <c:pt idx="975">
                  <c:v>20.100000000000001</c:v>
                </c:pt>
                <c:pt idx="976">
                  <c:v>20.100000000000001</c:v>
                </c:pt>
                <c:pt idx="977">
                  <c:v>20.100000000000001</c:v>
                </c:pt>
                <c:pt idx="978">
                  <c:v>20.100000000000001</c:v>
                </c:pt>
                <c:pt idx="979">
                  <c:v>20.100000000000001</c:v>
                </c:pt>
                <c:pt idx="980">
                  <c:v>20.100000000000001</c:v>
                </c:pt>
                <c:pt idx="981">
                  <c:v>20.100000000000001</c:v>
                </c:pt>
                <c:pt idx="982">
                  <c:v>20.100000000000001</c:v>
                </c:pt>
                <c:pt idx="983">
                  <c:v>20.100000000000001</c:v>
                </c:pt>
                <c:pt idx="984">
                  <c:v>20.2</c:v>
                </c:pt>
                <c:pt idx="985">
                  <c:v>20.2</c:v>
                </c:pt>
                <c:pt idx="986">
                  <c:v>20.2</c:v>
                </c:pt>
                <c:pt idx="987">
                  <c:v>20.2</c:v>
                </c:pt>
                <c:pt idx="988">
                  <c:v>20.2</c:v>
                </c:pt>
                <c:pt idx="989">
                  <c:v>20.2</c:v>
                </c:pt>
                <c:pt idx="990">
                  <c:v>20.2</c:v>
                </c:pt>
                <c:pt idx="991">
                  <c:v>20.2</c:v>
                </c:pt>
                <c:pt idx="992">
                  <c:v>20.2</c:v>
                </c:pt>
                <c:pt idx="993">
                  <c:v>20.2</c:v>
                </c:pt>
                <c:pt idx="994">
                  <c:v>20.2</c:v>
                </c:pt>
                <c:pt idx="995">
                  <c:v>20.2</c:v>
                </c:pt>
                <c:pt idx="996">
                  <c:v>20.2</c:v>
                </c:pt>
                <c:pt idx="997">
                  <c:v>20.2</c:v>
                </c:pt>
                <c:pt idx="998">
                  <c:v>20.2</c:v>
                </c:pt>
                <c:pt idx="999">
                  <c:v>20.2</c:v>
                </c:pt>
                <c:pt idx="1000">
                  <c:v>20.2</c:v>
                </c:pt>
                <c:pt idx="1001">
                  <c:v>20.2</c:v>
                </c:pt>
                <c:pt idx="1002">
                  <c:v>20.2</c:v>
                </c:pt>
                <c:pt idx="1003">
                  <c:v>20.2</c:v>
                </c:pt>
                <c:pt idx="1004">
                  <c:v>20.2</c:v>
                </c:pt>
                <c:pt idx="1005">
                  <c:v>20.2</c:v>
                </c:pt>
                <c:pt idx="1006">
                  <c:v>20.2</c:v>
                </c:pt>
                <c:pt idx="1007">
                  <c:v>20.2</c:v>
                </c:pt>
                <c:pt idx="1008">
                  <c:v>20.2</c:v>
                </c:pt>
                <c:pt idx="1009">
                  <c:v>20.3</c:v>
                </c:pt>
                <c:pt idx="1010">
                  <c:v>20.3</c:v>
                </c:pt>
                <c:pt idx="1011">
                  <c:v>20.3</c:v>
                </c:pt>
                <c:pt idx="1012">
                  <c:v>20.3</c:v>
                </c:pt>
                <c:pt idx="1013">
                  <c:v>20.3</c:v>
                </c:pt>
                <c:pt idx="1014">
                  <c:v>20.3</c:v>
                </c:pt>
                <c:pt idx="1015">
                  <c:v>20.3</c:v>
                </c:pt>
                <c:pt idx="1016">
                  <c:v>20.3</c:v>
                </c:pt>
                <c:pt idx="1017">
                  <c:v>20.3</c:v>
                </c:pt>
                <c:pt idx="1018">
                  <c:v>20.3</c:v>
                </c:pt>
                <c:pt idx="1019">
                  <c:v>20.3</c:v>
                </c:pt>
                <c:pt idx="1020">
                  <c:v>20.3</c:v>
                </c:pt>
                <c:pt idx="1021">
                  <c:v>20.3</c:v>
                </c:pt>
                <c:pt idx="1022">
                  <c:v>20.3</c:v>
                </c:pt>
                <c:pt idx="1023">
                  <c:v>20.3</c:v>
                </c:pt>
                <c:pt idx="1024">
                  <c:v>20.3</c:v>
                </c:pt>
                <c:pt idx="1025">
                  <c:v>20.3</c:v>
                </c:pt>
                <c:pt idx="1026">
                  <c:v>20.3</c:v>
                </c:pt>
                <c:pt idx="1027">
                  <c:v>20.3</c:v>
                </c:pt>
                <c:pt idx="1028">
                  <c:v>20.3</c:v>
                </c:pt>
                <c:pt idx="1029">
                  <c:v>20.3</c:v>
                </c:pt>
                <c:pt idx="1030">
                  <c:v>20.3</c:v>
                </c:pt>
                <c:pt idx="1031">
                  <c:v>20.3</c:v>
                </c:pt>
                <c:pt idx="1032">
                  <c:v>20.3</c:v>
                </c:pt>
                <c:pt idx="1033">
                  <c:v>20.3</c:v>
                </c:pt>
                <c:pt idx="1034">
                  <c:v>20.399999999999999</c:v>
                </c:pt>
                <c:pt idx="1035">
                  <c:v>20.399999999999999</c:v>
                </c:pt>
                <c:pt idx="1036">
                  <c:v>20.399999999999999</c:v>
                </c:pt>
                <c:pt idx="1037">
                  <c:v>20.399999999999999</c:v>
                </c:pt>
                <c:pt idx="1038">
                  <c:v>20.399999999999999</c:v>
                </c:pt>
                <c:pt idx="1039">
                  <c:v>20.399999999999999</c:v>
                </c:pt>
                <c:pt idx="1040">
                  <c:v>20.399999999999999</c:v>
                </c:pt>
                <c:pt idx="1041">
                  <c:v>20.399999999999999</c:v>
                </c:pt>
                <c:pt idx="1042">
                  <c:v>20.399999999999999</c:v>
                </c:pt>
                <c:pt idx="1043">
                  <c:v>20.399999999999999</c:v>
                </c:pt>
                <c:pt idx="1044">
                  <c:v>20.399999999999999</c:v>
                </c:pt>
                <c:pt idx="1045">
                  <c:v>20.399999999999999</c:v>
                </c:pt>
                <c:pt idx="1046">
                  <c:v>20.399999999999999</c:v>
                </c:pt>
                <c:pt idx="1047">
                  <c:v>20.399999999999999</c:v>
                </c:pt>
                <c:pt idx="1048">
                  <c:v>20.399999999999999</c:v>
                </c:pt>
                <c:pt idx="1049">
                  <c:v>20.399999999999999</c:v>
                </c:pt>
                <c:pt idx="1050">
                  <c:v>20.399999999999999</c:v>
                </c:pt>
                <c:pt idx="1051">
                  <c:v>20.399999999999999</c:v>
                </c:pt>
                <c:pt idx="1052">
                  <c:v>20.399999999999999</c:v>
                </c:pt>
                <c:pt idx="1053">
                  <c:v>20.399999999999999</c:v>
                </c:pt>
                <c:pt idx="1054">
                  <c:v>20.399999999999999</c:v>
                </c:pt>
                <c:pt idx="1055">
                  <c:v>20.399999999999999</c:v>
                </c:pt>
                <c:pt idx="1056">
                  <c:v>20.399999999999999</c:v>
                </c:pt>
                <c:pt idx="1057">
                  <c:v>20.399999999999999</c:v>
                </c:pt>
                <c:pt idx="1058">
                  <c:v>20.399999999999999</c:v>
                </c:pt>
                <c:pt idx="1059">
                  <c:v>20.399999999999999</c:v>
                </c:pt>
                <c:pt idx="1060">
                  <c:v>20.399999999999999</c:v>
                </c:pt>
                <c:pt idx="1061">
                  <c:v>20.399999999999999</c:v>
                </c:pt>
                <c:pt idx="1062">
                  <c:v>20.399999999999999</c:v>
                </c:pt>
                <c:pt idx="1063">
                  <c:v>20.399999999999999</c:v>
                </c:pt>
                <c:pt idx="1064">
                  <c:v>20.399999999999999</c:v>
                </c:pt>
                <c:pt idx="1065">
                  <c:v>20.399999999999999</c:v>
                </c:pt>
                <c:pt idx="1066">
                  <c:v>20.399999999999999</c:v>
                </c:pt>
                <c:pt idx="1067">
                  <c:v>20.399999999999999</c:v>
                </c:pt>
                <c:pt idx="1068">
                  <c:v>20.399999999999999</c:v>
                </c:pt>
                <c:pt idx="1069">
                  <c:v>20.5</c:v>
                </c:pt>
                <c:pt idx="1070">
                  <c:v>20.399999999999999</c:v>
                </c:pt>
                <c:pt idx="1071">
                  <c:v>20.399999999999999</c:v>
                </c:pt>
                <c:pt idx="1072">
                  <c:v>20.5</c:v>
                </c:pt>
                <c:pt idx="1073">
                  <c:v>20.5</c:v>
                </c:pt>
                <c:pt idx="1074">
                  <c:v>20.5</c:v>
                </c:pt>
                <c:pt idx="1075">
                  <c:v>20.5</c:v>
                </c:pt>
                <c:pt idx="1076">
                  <c:v>20.5</c:v>
                </c:pt>
                <c:pt idx="1077">
                  <c:v>20.5</c:v>
                </c:pt>
                <c:pt idx="1078">
                  <c:v>20.5</c:v>
                </c:pt>
                <c:pt idx="1079">
                  <c:v>20.5</c:v>
                </c:pt>
                <c:pt idx="1080">
                  <c:v>20.5</c:v>
                </c:pt>
                <c:pt idx="1081">
                  <c:v>20.5</c:v>
                </c:pt>
                <c:pt idx="1082">
                  <c:v>20.5</c:v>
                </c:pt>
                <c:pt idx="1083">
                  <c:v>20.5</c:v>
                </c:pt>
                <c:pt idx="1084">
                  <c:v>20.5</c:v>
                </c:pt>
                <c:pt idx="1085">
                  <c:v>20.5</c:v>
                </c:pt>
                <c:pt idx="1086">
                  <c:v>20.5</c:v>
                </c:pt>
                <c:pt idx="1087">
                  <c:v>20.5</c:v>
                </c:pt>
                <c:pt idx="1088">
                  <c:v>20.5</c:v>
                </c:pt>
                <c:pt idx="1089">
                  <c:v>20.5</c:v>
                </c:pt>
                <c:pt idx="1090">
                  <c:v>20.5</c:v>
                </c:pt>
                <c:pt idx="1091">
                  <c:v>20.5</c:v>
                </c:pt>
                <c:pt idx="1092">
                  <c:v>20.5</c:v>
                </c:pt>
                <c:pt idx="1093">
                  <c:v>20.5</c:v>
                </c:pt>
                <c:pt idx="1094">
                  <c:v>20.5</c:v>
                </c:pt>
                <c:pt idx="1095">
                  <c:v>20.5</c:v>
                </c:pt>
                <c:pt idx="1096">
                  <c:v>20.5</c:v>
                </c:pt>
                <c:pt idx="1097">
                  <c:v>20.5</c:v>
                </c:pt>
                <c:pt idx="1098">
                  <c:v>20.5</c:v>
                </c:pt>
                <c:pt idx="1099">
                  <c:v>20.5</c:v>
                </c:pt>
                <c:pt idx="1100">
                  <c:v>20.6</c:v>
                </c:pt>
                <c:pt idx="1101">
                  <c:v>20.6</c:v>
                </c:pt>
                <c:pt idx="1102">
                  <c:v>20.6</c:v>
                </c:pt>
                <c:pt idx="1103">
                  <c:v>20.6</c:v>
                </c:pt>
                <c:pt idx="1104">
                  <c:v>20.6</c:v>
                </c:pt>
                <c:pt idx="1105">
                  <c:v>20.6</c:v>
                </c:pt>
                <c:pt idx="1106">
                  <c:v>20.6</c:v>
                </c:pt>
                <c:pt idx="1107">
                  <c:v>20.6</c:v>
                </c:pt>
                <c:pt idx="1108">
                  <c:v>20.6</c:v>
                </c:pt>
                <c:pt idx="1109">
                  <c:v>20.6</c:v>
                </c:pt>
                <c:pt idx="1110">
                  <c:v>20.6</c:v>
                </c:pt>
                <c:pt idx="1111">
                  <c:v>20.6</c:v>
                </c:pt>
                <c:pt idx="1112">
                  <c:v>20.6</c:v>
                </c:pt>
                <c:pt idx="1113">
                  <c:v>20.6</c:v>
                </c:pt>
                <c:pt idx="1114">
                  <c:v>20.6</c:v>
                </c:pt>
                <c:pt idx="1115">
                  <c:v>20.6</c:v>
                </c:pt>
                <c:pt idx="1116">
                  <c:v>20.6</c:v>
                </c:pt>
                <c:pt idx="1117">
                  <c:v>20.6</c:v>
                </c:pt>
                <c:pt idx="1118">
                  <c:v>20.6</c:v>
                </c:pt>
                <c:pt idx="1119">
                  <c:v>20.6</c:v>
                </c:pt>
                <c:pt idx="1120">
                  <c:v>20.6</c:v>
                </c:pt>
                <c:pt idx="1121">
                  <c:v>20.6</c:v>
                </c:pt>
                <c:pt idx="1122">
                  <c:v>20.6</c:v>
                </c:pt>
                <c:pt idx="1123">
                  <c:v>20.6</c:v>
                </c:pt>
                <c:pt idx="1124">
                  <c:v>20.6</c:v>
                </c:pt>
                <c:pt idx="1125">
                  <c:v>20.6</c:v>
                </c:pt>
                <c:pt idx="1126">
                  <c:v>20.6</c:v>
                </c:pt>
                <c:pt idx="1127">
                  <c:v>20.6</c:v>
                </c:pt>
                <c:pt idx="1128">
                  <c:v>20.6</c:v>
                </c:pt>
                <c:pt idx="1129">
                  <c:v>20.6</c:v>
                </c:pt>
                <c:pt idx="1130">
                  <c:v>20.6</c:v>
                </c:pt>
                <c:pt idx="1131">
                  <c:v>20.6</c:v>
                </c:pt>
                <c:pt idx="1132">
                  <c:v>20.6</c:v>
                </c:pt>
                <c:pt idx="1133">
                  <c:v>20.6</c:v>
                </c:pt>
                <c:pt idx="1134">
                  <c:v>20.6</c:v>
                </c:pt>
                <c:pt idx="1135">
                  <c:v>20.6</c:v>
                </c:pt>
                <c:pt idx="1136">
                  <c:v>20.7</c:v>
                </c:pt>
                <c:pt idx="1137">
                  <c:v>20.7</c:v>
                </c:pt>
                <c:pt idx="1138">
                  <c:v>20.6</c:v>
                </c:pt>
                <c:pt idx="1139">
                  <c:v>20.6</c:v>
                </c:pt>
                <c:pt idx="1140">
                  <c:v>20.7</c:v>
                </c:pt>
                <c:pt idx="1141">
                  <c:v>20.7</c:v>
                </c:pt>
                <c:pt idx="1142">
                  <c:v>20.7</c:v>
                </c:pt>
                <c:pt idx="1143">
                  <c:v>20.7</c:v>
                </c:pt>
                <c:pt idx="1144">
                  <c:v>20.7</c:v>
                </c:pt>
                <c:pt idx="1145">
                  <c:v>20.7</c:v>
                </c:pt>
                <c:pt idx="1146">
                  <c:v>20.7</c:v>
                </c:pt>
                <c:pt idx="1147">
                  <c:v>20.7</c:v>
                </c:pt>
                <c:pt idx="1148">
                  <c:v>20.7</c:v>
                </c:pt>
                <c:pt idx="1149">
                  <c:v>20.7</c:v>
                </c:pt>
                <c:pt idx="1150">
                  <c:v>20.7</c:v>
                </c:pt>
                <c:pt idx="1151">
                  <c:v>20.7</c:v>
                </c:pt>
                <c:pt idx="1152">
                  <c:v>20.7</c:v>
                </c:pt>
                <c:pt idx="1153">
                  <c:v>20.7</c:v>
                </c:pt>
                <c:pt idx="1154">
                  <c:v>20.7</c:v>
                </c:pt>
                <c:pt idx="1155">
                  <c:v>20.7</c:v>
                </c:pt>
                <c:pt idx="1156">
                  <c:v>20.7</c:v>
                </c:pt>
                <c:pt idx="1157">
                  <c:v>20.7</c:v>
                </c:pt>
                <c:pt idx="1158">
                  <c:v>20.7</c:v>
                </c:pt>
                <c:pt idx="1159">
                  <c:v>20.7</c:v>
                </c:pt>
                <c:pt idx="1160">
                  <c:v>20.7</c:v>
                </c:pt>
                <c:pt idx="1161">
                  <c:v>20.7</c:v>
                </c:pt>
                <c:pt idx="1162">
                  <c:v>20.7</c:v>
                </c:pt>
                <c:pt idx="1163">
                  <c:v>20.7</c:v>
                </c:pt>
                <c:pt idx="1164">
                  <c:v>20.7</c:v>
                </c:pt>
                <c:pt idx="1165">
                  <c:v>20.7</c:v>
                </c:pt>
                <c:pt idx="1166">
                  <c:v>20.7</c:v>
                </c:pt>
                <c:pt idx="1167">
                  <c:v>20.7</c:v>
                </c:pt>
                <c:pt idx="1168">
                  <c:v>20.8</c:v>
                </c:pt>
                <c:pt idx="1169">
                  <c:v>20.8</c:v>
                </c:pt>
                <c:pt idx="1170">
                  <c:v>20.8</c:v>
                </c:pt>
                <c:pt idx="1171">
                  <c:v>20.8</c:v>
                </c:pt>
                <c:pt idx="1172">
                  <c:v>20.8</c:v>
                </c:pt>
                <c:pt idx="1173">
                  <c:v>20.8</c:v>
                </c:pt>
                <c:pt idx="1174">
                  <c:v>20.8</c:v>
                </c:pt>
                <c:pt idx="1175">
                  <c:v>20.8</c:v>
                </c:pt>
                <c:pt idx="1176">
                  <c:v>20.8</c:v>
                </c:pt>
                <c:pt idx="1177">
                  <c:v>20.8</c:v>
                </c:pt>
                <c:pt idx="1178">
                  <c:v>20.8</c:v>
                </c:pt>
                <c:pt idx="1179">
                  <c:v>20.8</c:v>
                </c:pt>
                <c:pt idx="1180">
                  <c:v>20.8</c:v>
                </c:pt>
                <c:pt idx="1181">
                  <c:v>20.8</c:v>
                </c:pt>
                <c:pt idx="1182">
                  <c:v>20.8</c:v>
                </c:pt>
                <c:pt idx="1183">
                  <c:v>20.8</c:v>
                </c:pt>
                <c:pt idx="1184">
                  <c:v>20.8</c:v>
                </c:pt>
                <c:pt idx="1185">
                  <c:v>20.8</c:v>
                </c:pt>
                <c:pt idx="1186">
                  <c:v>20.8</c:v>
                </c:pt>
                <c:pt idx="1187">
                  <c:v>20.8</c:v>
                </c:pt>
                <c:pt idx="1188">
                  <c:v>20.8</c:v>
                </c:pt>
                <c:pt idx="1189">
                  <c:v>20.8</c:v>
                </c:pt>
                <c:pt idx="1190">
                  <c:v>20.8</c:v>
                </c:pt>
                <c:pt idx="1191">
                  <c:v>20.8</c:v>
                </c:pt>
                <c:pt idx="1192">
                  <c:v>20.8</c:v>
                </c:pt>
                <c:pt idx="1193">
                  <c:v>20.8</c:v>
                </c:pt>
                <c:pt idx="1194">
                  <c:v>20.8</c:v>
                </c:pt>
                <c:pt idx="1195">
                  <c:v>20.8</c:v>
                </c:pt>
                <c:pt idx="1196">
                  <c:v>20.8</c:v>
                </c:pt>
                <c:pt idx="1197">
                  <c:v>20.8</c:v>
                </c:pt>
                <c:pt idx="1198">
                  <c:v>20.8</c:v>
                </c:pt>
                <c:pt idx="1199">
                  <c:v>20.8</c:v>
                </c:pt>
                <c:pt idx="1200">
                  <c:v>20.8</c:v>
                </c:pt>
                <c:pt idx="1201">
                  <c:v>20.8</c:v>
                </c:pt>
                <c:pt idx="1202">
                  <c:v>20.8</c:v>
                </c:pt>
                <c:pt idx="1203">
                  <c:v>20.8</c:v>
                </c:pt>
                <c:pt idx="1204">
                  <c:v>20.8</c:v>
                </c:pt>
                <c:pt idx="1205">
                  <c:v>20.9</c:v>
                </c:pt>
                <c:pt idx="1206">
                  <c:v>20.9</c:v>
                </c:pt>
                <c:pt idx="1207">
                  <c:v>20.9</c:v>
                </c:pt>
                <c:pt idx="1208">
                  <c:v>20.8</c:v>
                </c:pt>
                <c:pt idx="1209">
                  <c:v>20.9</c:v>
                </c:pt>
                <c:pt idx="1210">
                  <c:v>20.9</c:v>
                </c:pt>
                <c:pt idx="1211">
                  <c:v>20.9</c:v>
                </c:pt>
                <c:pt idx="1212">
                  <c:v>20.9</c:v>
                </c:pt>
                <c:pt idx="1213">
                  <c:v>20.8</c:v>
                </c:pt>
                <c:pt idx="1214">
                  <c:v>20.9</c:v>
                </c:pt>
                <c:pt idx="1215">
                  <c:v>20.9</c:v>
                </c:pt>
                <c:pt idx="1216">
                  <c:v>20.9</c:v>
                </c:pt>
                <c:pt idx="1217">
                  <c:v>20.9</c:v>
                </c:pt>
                <c:pt idx="1218">
                  <c:v>20.9</c:v>
                </c:pt>
                <c:pt idx="1219">
                  <c:v>20.9</c:v>
                </c:pt>
                <c:pt idx="1220">
                  <c:v>20.9</c:v>
                </c:pt>
                <c:pt idx="1221">
                  <c:v>20.9</c:v>
                </c:pt>
                <c:pt idx="1222">
                  <c:v>20.9</c:v>
                </c:pt>
                <c:pt idx="1223">
                  <c:v>20.9</c:v>
                </c:pt>
                <c:pt idx="1224">
                  <c:v>20.9</c:v>
                </c:pt>
                <c:pt idx="1225">
                  <c:v>20.9</c:v>
                </c:pt>
                <c:pt idx="1226">
                  <c:v>20.9</c:v>
                </c:pt>
                <c:pt idx="1227">
                  <c:v>20.9</c:v>
                </c:pt>
                <c:pt idx="1228">
                  <c:v>20.9</c:v>
                </c:pt>
                <c:pt idx="1229">
                  <c:v>20.9</c:v>
                </c:pt>
                <c:pt idx="1230">
                  <c:v>20.9</c:v>
                </c:pt>
                <c:pt idx="1231">
                  <c:v>20.9</c:v>
                </c:pt>
                <c:pt idx="1232">
                  <c:v>20.9</c:v>
                </c:pt>
                <c:pt idx="1233">
                  <c:v>20.9</c:v>
                </c:pt>
                <c:pt idx="1234">
                  <c:v>20.9</c:v>
                </c:pt>
                <c:pt idx="1235">
                  <c:v>20.9</c:v>
                </c:pt>
                <c:pt idx="1236">
                  <c:v>20.9</c:v>
                </c:pt>
                <c:pt idx="1237">
                  <c:v>20.9</c:v>
                </c:pt>
                <c:pt idx="1238">
                  <c:v>20.9</c:v>
                </c:pt>
                <c:pt idx="1239">
                  <c:v>20.9</c:v>
                </c:pt>
                <c:pt idx="1240">
                  <c:v>21</c:v>
                </c:pt>
                <c:pt idx="1241">
                  <c:v>20.9</c:v>
                </c:pt>
                <c:pt idx="1242">
                  <c:v>20.9</c:v>
                </c:pt>
                <c:pt idx="1243">
                  <c:v>20.9</c:v>
                </c:pt>
                <c:pt idx="1244">
                  <c:v>21</c:v>
                </c:pt>
                <c:pt idx="1245">
                  <c:v>21</c:v>
                </c:pt>
                <c:pt idx="1246">
                  <c:v>21</c:v>
                </c:pt>
                <c:pt idx="1247">
                  <c:v>21</c:v>
                </c:pt>
                <c:pt idx="1248">
                  <c:v>21</c:v>
                </c:pt>
                <c:pt idx="1249">
                  <c:v>21</c:v>
                </c:pt>
                <c:pt idx="1250">
                  <c:v>21</c:v>
                </c:pt>
                <c:pt idx="1251">
                  <c:v>21</c:v>
                </c:pt>
                <c:pt idx="1252">
                  <c:v>21</c:v>
                </c:pt>
                <c:pt idx="1253">
                  <c:v>21</c:v>
                </c:pt>
                <c:pt idx="1254">
                  <c:v>21</c:v>
                </c:pt>
                <c:pt idx="1255">
                  <c:v>21</c:v>
                </c:pt>
                <c:pt idx="1256">
                  <c:v>21</c:v>
                </c:pt>
                <c:pt idx="1257">
                  <c:v>21</c:v>
                </c:pt>
                <c:pt idx="1258">
                  <c:v>21</c:v>
                </c:pt>
                <c:pt idx="1259">
                  <c:v>21</c:v>
                </c:pt>
                <c:pt idx="1260">
                  <c:v>21</c:v>
                </c:pt>
                <c:pt idx="1261">
                  <c:v>21</c:v>
                </c:pt>
                <c:pt idx="1262">
                  <c:v>21</c:v>
                </c:pt>
                <c:pt idx="1263">
                  <c:v>21</c:v>
                </c:pt>
                <c:pt idx="1264">
                  <c:v>21</c:v>
                </c:pt>
                <c:pt idx="1265">
                  <c:v>21</c:v>
                </c:pt>
                <c:pt idx="1266">
                  <c:v>21</c:v>
                </c:pt>
                <c:pt idx="1267">
                  <c:v>21</c:v>
                </c:pt>
                <c:pt idx="1268">
                  <c:v>21</c:v>
                </c:pt>
                <c:pt idx="1269">
                  <c:v>21</c:v>
                </c:pt>
                <c:pt idx="1270">
                  <c:v>21</c:v>
                </c:pt>
                <c:pt idx="1271">
                  <c:v>21</c:v>
                </c:pt>
                <c:pt idx="1272">
                  <c:v>21</c:v>
                </c:pt>
                <c:pt idx="1273">
                  <c:v>21</c:v>
                </c:pt>
                <c:pt idx="1274">
                  <c:v>21</c:v>
                </c:pt>
                <c:pt idx="1275">
                  <c:v>21</c:v>
                </c:pt>
                <c:pt idx="1276">
                  <c:v>21</c:v>
                </c:pt>
                <c:pt idx="1277">
                  <c:v>21</c:v>
                </c:pt>
                <c:pt idx="1278">
                  <c:v>21</c:v>
                </c:pt>
                <c:pt idx="1279">
                  <c:v>21</c:v>
                </c:pt>
                <c:pt idx="1280">
                  <c:v>21</c:v>
                </c:pt>
                <c:pt idx="1281">
                  <c:v>21</c:v>
                </c:pt>
                <c:pt idx="1282">
                  <c:v>21</c:v>
                </c:pt>
                <c:pt idx="1283">
                  <c:v>21.1</c:v>
                </c:pt>
                <c:pt idx="1284">
                  <c:v>21</c:v>
                </c:pt>
                <c:pt idx="1285">
                  <c:v>21.1</c:v>
                </c:pt>
                <c:pt idx="1286">
                  <c:v>21</c:v>
                </c:pt>
                <c:pt idx="1287">
                  <c:v>21.1</c:v>
                </c:pt>
                <c:pt idx="1288">
                  <c:v>21.1</c:v>
                </c:pt>
                <c:pt idx="1289">
                  <c:v>21.1</c:v>
                </c:pt>
                <c:pt idx="1290">
                  <c:v>21.1</c:v>
                </c:pt>
                <c:pt idx="1291">
                  <c:v>21.1</c:v>
                </c:pt>
                <c:pt idx="1292">
                  <c:v>21.1</c:v>
                </c:pt>
                <c:pt idx="1293">
                  <c:v>21.1</c:v>
                </c:pt>
                <c:pt idx="1294">
                  <c:v>21.1</c:v>
                </c:pt>
                <c:pt idx="1295">
                  <c:v>21.1</c:v>
                </c:pt>
                <c:pt idx="1296">
                  <c:v>21.1</c:v>
                </c:pt>
                <c:pt idx="1297">
                  <c:v>21.1</c:v>
                </c:pt>
                <c:pt idx="1298">
                  <c:v>21.1</c:v>
                </c:pt>
                <c:pt idx="1299">
                  <c:v>21.1</c:v>
                </c:pt>
                <c:pt idx="1300">
                  <c:v>21.1</c:v>
                </c:pt>
                <c:pt idx="1301">
                  <c:v>21.1</c:v>
                </c:pt>
                <c:pt idx="1302">
                  <c:v>21.1</c:v>
                </c:pt>
                <c:pt idx="1303">
                  <c:v>21.1</c:v>
                </c:pt>
                <c:pt idx="1304">
                  <c:v>21.1</c:v>
                </c:pt>
                <c:pt idx="1305">
                  <c:v>21.1</c:v>
                </c:pt>
                <c:pt idx="1306">
                  <c:v>21.1</c:v>
                </c:pt>
                <c:pt idx="1307">
                  <c:v>21.1</c:v>
                </c:pt>
                <c:pt idx="1308">
                  <c:v>21.1</c:v>
                </c:pt>
                <c:pt idx="1309">
                  <c:v>21.1</c:v>
                </c:pt>
                <c:pt idx="1310">
                  <c:v>21.1</c:v>
                </c:pt>
                <c:pt idx="1311">
                  <c:v>21.1</c:v>
                </c:pt>
                <c:pt idx="1312">
                  <c:v>21.1</c:v>
                </c:pt>
                <c:pt idx="1313">
                  <c:v>21.1</c:v>
                </c:pt>
                <c:pt idx="1314">
                  <c:v>21.1</c:v>
                </c:pt>
                <c:pt idx="1315">
                  <c:v>21.1</c:v>
                </c:pt>
                <c:pt idx="1316">
                  <c:v>21.1</c:v>
                </c:pt>
                <c:pt idx="1317">
                  <c:v>21.1</c:v>
                </c:pt>
                <c:pt idx="1318">
                  <c:v>21.1</c:v>
                </c:pt>
                <c:pt idx="1319">
                  <c:v>21.1</c:v>
                </c:pt>
                <c:pt idx="1320">
                  <c:v>21.1</c:v>
                </c:pt>
                <c:pt idx="1321">
                  <c:v>21.1</c:v>
                </c:pt>
                <c:pt idx="1322">
                  <c:v>21.1</c:v>
                </c:pt>
                <c:pt idx="1323">
                  <c:v>21.1</c:v>
                </c:pt>
                <c:pt idx="1324">
                  <c:v>21.1</c:v>
                </c:pt>
                <c:pt idx="1325">
                  <c:v>21.1</c:v>
                </c:pt>
                <c:pt idx="1326">
                  <c:v>21.1</c:v>
                </c:pt>
                <c:pt idx="1327">
                  <c:v>21.1</c:v>
                </c:pt>
                <c:pt idx="1328">
                  <c:v>21.1</c:v>
                </c:pt>
                <c:pt idx="1329">
                  <c:v>21.1</c:v>
                </c:pt>
                <c:pt idx="1330">
                  <c:v>21.1</c:v>
                </c:pt>
                <c:pt idx="1331">
                  <c:v>21.1</c:v>
                </c:pt>
                <c:pt idx="1332">
                  <c:v>21.1</c:v>
                </c:pt>
                <c:pt idx="1333">
                  <c:v>21.1</c:v>
                </c:pt>
                <c:pt idx="1334">
                  <c:v>21.1</c:v>
                </c:pt>
                <c:pt idx="1335">
                  <c:v>21.1</c:v>
                </c:pt>
                <c:pt idx="1336">
                  <c:v>21.1</c:v>
                </c:pt>
                <c:pt idx="1337">
                  <c:v>21.1</c:v>
                </c:pt>
                <c:pt idx="1338">
                  <c:v>21.1</c:v>
                </c:pt>
                <c:pt idx="1339">
                  <c:v>21.1</c:v>
                </c:pt>
                <c:pt idx="1340">
                  <c:v>21.1</c:v>
                </c:pt>
                <c:pt idx="1341">
                  <c:v>21.1</c:v>
                </c:pt>
                <c:pt idx="1342">
                  <c:v>21.1</c:v>
                </c:pt>
                <c:pt idx="1343">
                  <c:v>21.1</c:v>
                </c:pt>
                <c:pt idx="1344">
                  <c:v>21.1</c:v>
                </c:pt>
                <c:pt idx="1345">
                  <c:v>21.1</c:v>
                </c:pt>
                <c:pt idx="1346">
                  <c:v>21.2</c:v>
                </c:pt>
                <c:pt idx="1347">
                  <c:v>21.2</c:v>
                </c:pt>
                <c:pt idx="1348">
                  <c:v>21.2</c:v>
                </c:pt>
                <c:pt idx="1349">
                  <c:v>21.2</c:v>
                </c:pt>
                <c:pt idx="1350">
                  <c:v>21.2</c:v>
                </c:pt>
                <c:pt idx="1351">
                  <c:v>21.2</c:v>
                </c:pt>
                <c:pt idx="1352">
                  <c:v>21.2</c:v>
                </c:pt>
                <c:pt idx="1353">
                  <c:v>21.2</c:v>
                </c:pt>
                <c:pt idx="1354">
                  <c:v>21.2</c:v>
                </c:pt>
                <c:pt idx="1355">
                  <c:v>21.2</c:v>
                </c:pt>
                <c:pt idx="1356">
                  <c:v>21.2</c:v>
                </c:pt>
                <c:pt idx="1357">
                  <c:v>21.2</c:v>
                </c:pt>
                <c:pt idx="1358">
                  <c:v>21.2</c:v>
                </c:pt>
                <c:pt idx="1359">
                  <c:v>21.2</c:v>
                </c:pt>
                <c:pt idx="1360">
                  <c:v>21.2</c:v>
                </c:pt>
                <c:pt idx="1361">
                  <c:v>21.2</c:v>
                </c:pt>
                <c:pt idx="1362">
                  <c:v>21.2</c:v>
                </c:pt>
                <c:pt idx="1363">
                  <c:v>21.2</c:v>
                </c:pt>
                <c:pt idx="1364">
                  <c:v>21.2</c:v>
                </c:pt>
                <c:pt idx="1365">
                  <c:v>21.2</c:v>
                </c:pt>
                <c:pt idx="1366">
                  <c:v>21.2</c:v>
                </c:pt>
                <c:pt idx="1367">
                  <c:v>21.2</c:v>
                </c:pt>
                <c:pt idx="1368">
                  <c:v>21.2</c:v>
                </c:pt>
                <c:pt idx="1369">
                  <c:v>21.2</c:v>
                </c:pt>
                <c:pt idx="1370">
                  <c:v>21.2</c:v>
                </c:pt>
                <c:pt idx="1371">
                  <c:v>21.2</c:v>
                </c:pt>
                <c:pt idx="1372">
                  <c:v>21.2</c:v>
                </c:pt>
                <c:pt idx="1373">
                  <c:v>21.2</c:v>
                </c:pt>
                <c:pt idx="1374">
                  <c:v>21.2</c:v>
                </c:pt>
                <c:pt idx="1375">
                  <c:v>21.2</c:v>
                </c:pt>
                <c:pt idx="1376">
                  <c:v>21.2</c:v>
                </c:pt>
                <c:pt idx="1377">
                  <c:v>21.2</c:v>
                </c:pt>
                <c:pt idx="1378">
                  <c:v>21.2</c:v>
                </c:pt>
                <c:pt idx="1379">
                  <c:v>21.2</c:v>
                </c:pt>
                <c:pt idx="1380">
                  <c:v>21.3</c:v>
                </c:pt>
                <c:pt idx="1381">
                  <c:v>21.2</c:v>
                </c:pt>
                <c:pt idx="1382">
                  <c:v>21.3</c:v>
                </c:pt>
                <c:pt idx="1383">
                  <c:v>21.3</c:v>
                </c:pt>
                <c:pt idx="1384">
                  <c:v>21.3</c:v>
                </c:pt>
                <c:pt idx="1385">
                  <c:v>21.3</c:v>
                </c:pt>
                <c:pt idx="1386">
                  <c:v>21.2</c:v>
                </c:pt>
                <c:pt idx="1387">
                  <c:v>21.3</c:v>
                </c:pt>
                <c:pt idx="1388">
                  <c:v>21.3</c:v>
                </c:pt>
                <c:pt idx="1389">
                  <c:v>21.3</c:v>
                </c:pt>
                <c:pt idx="1390">
                  <c:v>21.3</c:v>
                </c:pt>
                <c:pt idx="1391">
                  <c:v>21.3</c:v>
                </c:pt>
                <c:pt idx="1392">
                  <c:v>21.3</c:v>
                </c:pt>
                <c:pt idx="1393">
                  <c:v>21.3</c:v>
                </c:pt>
                <c:pt idx="1394">
                  <c:v>21.3</c:v>
                </c:pt>
                <c:pt idx="1395">
                  <c:v>21.3</c:v>
                </c:pt>
                <c:pt idx="1396">
                  <c:v>21.3</c:v>
                </c:pt>
                <c:pt idx="1397">
                  <c:v>21.3</c:v>
                </c:pt>
                <c:pt idx="1398">
                  <c:v>21.3</c:v>
                </c:pt>
                <c:pt idx="1399">
                  <c:v>21.3</c:v>
                </c:pt>
                <c:pt idx="1400">
                  <c:v>21.3</c:v>
                </c:pt>
                <c:pt idx="1401">
                  <c:v>21.3</c:v>
                </c:pt>
                <c:pt idx="1402">
                  <c:v>21.3</c:v>
                </c:pt>
                <c:pt idx="1403">
                  <c:v>21.3</c:v>
                </c:pt>
                <c:pt idx="1404">
                  <c:v>21.3</c:v>
                </c:pt>
                <c:pt idx="1405">
                  <c:v>21.3</c:v>
                </c:pt>
                <c:pt idx="1406">
                  <c:v>21.3</c:v>
                </c:pt>
                <c:pt idx="1407">
                  <c:v>21.3</c:v>
                </c:pt>
                <c:pt idx="1408">
                  <c:v>21.3</c:v>
                </c:pt>
                <c:pt idx="1409">
                  <c:v>21.3</c:v>
                </c:pt>
                <c:pt idx="1410">
                  <c:v>21.3</c:v>
                </c:pt>
                <c:pt idx="1411">
                  <c:v>21.3</c:v>
                </c:pt>
                <c:pt idx="1412">
                  <c:v>21.3</c:v>
                </c:pt>
                <c:pt idx="1413">
                  <c:v>21.3</c:v>
                </c:pt>
                <c:pt idx="1414">
                  <c:v>21.3</c:v>
                </c:pt>
                <c:pt idx="1415">
                  <c:v>21.3</c:v>
                </c:pt>
                <c:pt idx="1416">
                  <c:v>21.3</c:v>
                </c:pt>
                <c:pt idx="1417">
                  <c:v>21.3</c:v>
                </c:pt>
                <c:pt idx="1418">
                  <c:v>21.3</c:v>
                </c:pt>
                <c:pt idx="1419">
                  <c:v>21.3</c:v>
                </c:pt>
                <c:pt idx="1420">
                  <c:v>21.3</c:v>
                </c:pt>
                <c:pt idx="1421">
                  <c:v>21.3</c:v>
                </c:pt>
                <c:pt idx="1422">
                  <c:v>21.4</c:v>
                </c:pt>
                <c:pt idx="1423">
                  <c:v>21.3</c:v>
                </c:pt>
                <c:pt idx="1424">
                  <c:v>21.3</c:v>
                </c:pt>
                <c:pt idx="1425">
                  <c:v>21.3</c:v>
                </c:pt>
                <c:pt idx="1426">
                  <c:v>21.3</c:v>
                </c:pt>
                <c:pt idx="1427">
                  <c:v>21.4</c:v>
                </c:pt>
                <c:pt idx="1428">
                  <c:v>21.4</c:v>
                </c:pt>
                <c:pt idx="1429">
                  <c:v>21.4</c:v>
                </c:pt>
                <c:pt idx="1430">
                  <c:v>21.4</c:v>
                </c:pt>
                <c:pt idx="1431">
                  <c:v>21.4</c:v>
                </c:pt>
                <c:pt idx="1432">
                  <c:v>21.4</c:v>
                </c:pt>
                <c:pt idx="1433">
                  <c:v>21.4</c:v>
                </c:pt>
                <c:pt idx="1434">
                  <c:v>21.4</c:v>
                </c:pt>
                <c:pt idx="1435">
                  <c:v>21.4</c:v>
                </c:pt>
                <c:pt idx="1436">
                  <c:v>21.4</c:v>
                </c:pt>
                <c:pt idx="1437">
                  <c:v>21.4</c:v>
                </c:pt>
                <c:pt idx="1438">
                  <c:v>21.4</c:v>
                </c:pt>
                <c:pt idx="1439">
                  <c:v>21.4</c:v>
                </c:pt>
                <c:pt idx="1440">
                  <c:v>21.4</c:v>
                </c:pt>
                <c:pt idx="1441">
                  <c:v>21.4</c:v>
                </c:pt>
                <c:pt idx="1442">
                  <c:v>21.4</c:v>
                </c:pt>
                <c:pt idx="1443">
                  <c:v>21.4</c:v>
                </c:pt>
                <c:pt idx="1444">
                  <c:v>21.4</c:v>
                </c:pt>
                <c:pt idx="1445">
                  <c:v>21.4</c:v>
                </c:pt>
                <c:pt idx="1446">
                  <c:v>21.4</c:v>
                </c:pt>
                <c:pt idx="1447">
                  <c:v>21.4</c:v>
                </c:pt>
                <c:pt idx="1448">
                  <c:v>21.4</c:v>
                </c:pt>
                <c:pt idx="1449">
                  <c:v>21.4</c:v>
                </c:pt>
                <c:pt idx="1450">
                  <c:v>21.4</c:v>
                </c:pt>
                <c:pt idx="1451">
                  <c:v>21.4</c:v>
                </c:pt>
                <c:pt idx="1452">
                  <c:v>21.4</c:v>
                </c:pt>
                <c:pt idx="1453">
                  <c:v>21.4</c:v>
                </c:pt>
                <c:pt idx="1454">
                  <c:v>21.4</c:v>
                </c:pt>
                <c:pt idx="1455">
                  <c:v>21.4</c:v>
                </c:pt>
                <c:pt idx="1456">
                  <c:v>21.4</c:v>
                </c:pt>
                <c:pt idx="1457">
                  <c:v>21.4</c:v>
                </c:pt>
                <c:pt idx="1458">
                  <c:v>21.4</c:v>
                </c:pt>
                <c:pt idx="1459">
                  <c:v>21.4</c:v>
                </c:pt>
                <c:pt idx="1460">
                  <c:v>21.4</c:v>
                </c:pt>
                <c:pt idx="1461">
                  <c:v>21.4</c:v>
                </c:pt>
                <c:pt idx="1462">
                  <c:v>21.4</c:v>
                </c:pt>
                <c:pt idx="1463">
                  <c:v>21.4</c:v>
                </c:pt>
                <c:pt idx="1464">
                  <c:v>21.4</c:v>
                </c:pt>
                <c:pt idx="1465">
                  <c:v>21.4</c:v>
                </c:pt>
                <c:pt idx="1466">
                  <c:v>21.4</c:v>
                </c:pt>
                <c:pt idx="1467">
                  <c:v>21.4</c:v>
                </c:pt>
                <c:pt idx="1468">
                  <c:v>21.4</c:v>
                </c:pt>
                <c:pt idx="1469">
                  <c:v>21.4</c:v>
                </c:pt>
                <c:pt idx="1470">
                  <c:v>21.4</c:v>
                </c:pt>
                <c:pt idx="1471">
                  <c:v>21.4</c:v>
                </c:pt>
                <c:pt idx="1472">
                  <c:v>21.4</c:v>
                </c:pt>
                <c:pt idx="1473">
                  <c:v>21.4</c:v>
                </c:pt>
                <c:pt idx="1474">
                  <c:v>21.4</c:v>
                </c:pt>
                <c:pt idx="1475">
                  <c:v>21.4</c:v>
                </c:pt>
                <c:pt idx="1476">
                  <c:v>21.4</c:v>
                </c:pt>
                <c:pt idx="1477">
                  <c:v>21.5</c:v>
                </c:pt>
                <c:pt idx="1478">
                  <c:v>21.4</c:v>
                </c:pt>
                <c:pt idx="1479">
                  <c:v>21.4</c:v>
                </c:pt>
                <c:pt idx="1480">
                  <c:v>21.4</c:v>
                </c:pt>
                <c:pt idx="1481">
                  <c:v>21.5</c:v>
                </c:pt>
                <c:pt idx="1482">
                  <c:v>21.4</c:v>
                </c:pt>
                <c:pt idx="1483">
                  <c:v>21.4</c:v>
                </c:pt>
                <c:pt idx="1484">
                  <c:v>21.4</c:v>
                </c:pt>
                <c:pt idx="1485">
                  <c:v>21.5</c:v>
                </c:pt>
                <c:pt idx="1486">
                  <c:v>21.4</c:v>
                </c:pt>
                <c:pt idx="1487">
                  <c:v>21.4</c:v>
                </c:pt>
                <c:pt idx="1488">
                  <c:v>21.4</c:v>
                </c:pt>
                <c:pt idx="1489">
                  <c:v>21.5</c:v>
                </c:pt>
                <c:pt idx="1490">
                  <c:v>21.5</c:v>
                </c:pt>
                <c:pt idx="1491">
                  <c:v>21.5</c:v>
                </c:pt>
                <c:pt idx="1492">
                  <c:v>21.5</c:v>
                </c:pt>
                <c:pt idx="1493">
                  <c:v>21.5</c:v>
                </c:pt>
                <c:pt idx="1494">
                  <c:v>21.5</c:v>
                </c:pt>
                <c:pt idx="1495">
                  <c:v>21.5</c:v>
                </c:pt>
                <c:pt idx="1496">
                  <c:v>21.5</c:v>
                </c:pt>
                <c:pt idx="1497">
                  <c:v>21.5</c:v>
                </c:pt>
                <c:pt idx="1498">
                  <c:v>21.5</c:v>
                </c:pt>
                <c:pt idx="1499">
                  <c:v>21.5</c:v>
                </c:pt>
                <c:pt idx="1500">
                  <c:v>21.5</c:v>
                </c:pt>
                <c:pt idx="1501">
                  <c:v>21.5</c:v>
                </c:pt>
                <c:pt idx="1502">
                  <c:v>21.5</c:v>
                </c:pt>
                <c:pt idx="1503">
                  <c:v>21.5</c:v>
                </c:pt>
                <c:pt idx="1504">
                  <c:v>21.5</c:v>
                </c:pt>
                <c:pt idx="1505">
                  <c:v>21.5</c:v>
                </c:pt>
                <c:pt idx="1506">
                  <c:v>21.5</c:v>
                </c:pt>
                <c:pt idx="1507">
                  <c:v>21.5</c:v>
                </c:pt>
                <c:pt idx="1508">
                  <c:v>21.5</c:v>
                </c:pt>
                <c:pt idx="1509">
                  <c:v>21.5</c:v>
                </c:pt>
                <c:pt idx="1510">
                  <c:v>21.5</c:v>
                </c:pt>
                <c:pt idx="1511">
                  <c:v>21.5</c:v>
                </c:pt>
                <c:pt idx="1512">
                  <c:v>21.5</c:v>
                </c:pt>
                <c:pt idx="1513">
                  <c:v>21.5</c:v>
                </c:pt>
                <c:pt idx="1514">
                  <c:v>21.5</c:v>
                </c:pt>
                <c:pt idx="1515">
                  <c:v>21.5</c:v>
                </c:pt>
                <c:pt idx="1516">
                  <c:v>21.5</c:v>
                </c:pt>
                <c:pt idx="1517">
                  <c:v>21.5</c:v>
                </c:pt>
                <c:pt idx="1518">
                  <c:v>21.5</c:v>
                </c:pt>
                <c:pt idx="1519">
                  <c:v>21.5</c:v>
                </c:pt>
                <c:pt idx="1520">
                  <c:v>21.5</c:v>
                </c:pt>
                <c:pt idx="1521">
                  <c:v>21.5</c:v>
                </c:pt>
                <c:pt idx="1522">
                  <c:v>21.5</c:v>
                </c:pt>
                <c:pt idx="1523">
                  <c:v>21.5</c:v>
                </c:pt>
                <c:pt idx="1524">
                  <c:v>21.5</c:v>
                </c:pt>
                <c:pt idx="1525">
                  <c:v>21.5</c:v>
                </c:pt>
                <c:pt idx="1526">
                  <c:v>21.5</c:v>
                </c:pt>
                <c:pt idx="1527">
                  <c:v>21.5</c:v>
                </c:pt>
                <c:pt idx="1528">
                  <c:v>21.5</c:v>
                </c:pt>
                <c:pt idx="1529">
                  <c:v>21.5</c:v>
                </c:pt>
                <c:pt idx="1530">
                  <c:v>21.5</c:v>
                </c:pt>
                <c:pt idx="1531">
                  <c:v>21.5</c:v>
                </c:pt>
                <c:pt idx="1532">
                  <c:v>21.5</c:v>
                </c:pt>
                <c:pt idx="1533">
                  <c:v>21.5</c:v>
                </c:pt>
                <c:pt idx="1534">
                  <c:v>21.5</c:v>
                </c:pt>
                <c:pt idx="1535">
                  <c:v>21.5</c:v>
                </c:pt>
                <c:pt idx="1536">
                  <c:v>21.5</c:v>
                </c:pt>
                <c:pt idx="1537">
                  <c:v>21.5</c:v>
                </c:pt>
                <c:pt idx="1538">
                  <c:v>21.5</c:v>
                </c:pt>
                <c:pt idx="1539">
                  <c:v>21.5</c:v>
                </c:pt>
                <c:pt idx="1540">
                  <c:v>21.5</c:v>
                </c:pt>
                <c:pt idx="1541">
                  <c:v>21.5</c:v>
                </c:pt>
                <c:pt idx="1542">
                  <c:v>21.5</c:v>
                </c:pt>
                <c:pt idx="1543">
                  <c:v>21.6</c:v>
                </c:pt>
                <c:pt idx="1544">
                  <c:v>21.5</c:v>
                </c:pt>
                <c:pt idx="1545">
                  <c:v>21.6</c:v>
                </c:pt>
                <c:pt idx="1546">
                  <c:v>21.5</c:v>
                </c:pt>
                <c:pt idx="1547">
                  <c:v>21.5</c:v>
                </c:pt>
                <c:pt idx="1548">
                  <c:v>21.5</c:v>
                </c:pt>
                <c:pt idx="1549">
                  <c:v>21.6</c:v>
                </c:pt>
                <c:pt idx="1550">
                  <c:v>21.6</c:v>
                </c:pt>
                <c:pt idx="1551">
                  <c:v>21.6</c:v>
                </c:pt>
                <c:pt idx="1552">
                  <c:v>21.6</c:v>
                </c:pt>
                <c:pt idx="1553">
                  <c:v>21.6</c:v>
                </c:pt>
                <c:pt idx="1554">
                  <c:v>21.6</c:v>
                </c:pt>
                <c:pt idx="1555">
                  <c:v>21.6</c:v>
                </c:pt>
                <c:pt idx="1556">
                  <c:v>21.6</c:v>
                </c:pt>
                <c:pt idx="1557">
                  <c:v>21.6</c:v>
                </c:pt>
                <c:pt idx="1558">
                  <c:v>21.6</c:v>
                </c:pt>
                <c:pt idx="1559">
                  <c:v>21.6</c:v>
                </c:pt>
                <c:pt idx="1560">
                  <c:v>21.6</c:v>
                </c:pt>
                <c:pt idx="1561">
                  <c:v>21.6</c:v>
                </c:pt>
                <c:pt idx="1562">
                  <c:v>21.6</c:v>
                </c:pt>
                <c:pt idx="1563">
                  <c:v>21.6</c:v>
                </c:pt>
                <c:pt idx="1564">
                  <c:v>21.6</c:v>
                </c:pt>
                <c:pt idx="1565">
                  <c:v>21.6</c:v>
                </c:pt>
                <c:pt idx="1566">
                  <c:v>21.6</c:v>
                </c:pt>
                <c:pt idx="1567">
                  <c:v>21.6</c:v>
                </c:pt>
                <c:pt idx="1568">
                  <c:v>21.6</c:v>
                </c:pt>
                <c:pt idx="1569">
                  <c:v>21.6</c:v>
                </c:pt>
                <c:pt idx="1570">
                  <c:v>21.6</c:v>
                </c:pt>
                <c:pt idx="1571">
                  <c:v>21.6</c:v>
                </c:pt>
                <c:pt idx="1572">
                  <c:v>21.6</c:v>
                </c:pt>
                <c:pt idx="1573">
                  <c:v>21.6</c:v>
                </c:pt>
                <c:pt idx="1574">
                  <c:v>21.6</c:v>
                </c:pt>
                <c:pt idx="1575">
                  <c:v>21.5</c:v>
                </c:pt>
                <c:pt idx="1576">
                  <c:v>21.6</c:v>
                </c:pt>
                <c:pt idx="1577">
                  <c:v>21.6</c:v>
                </c:pt>
                <c:pt idx="1578">
                  <c:v>21.6</c:v>
                </c:pt>
                <c:pt idx="1579">
                  <c:v>21.6</c:v>
                </c:pt>
                <c:pt idx="1580">
                  <c:v>21.6</c:v>
                </c:pt>
                <c:pt idx="1581">
                  <c:v>21.6</c:v>
                </c:pt>
                <c:pt idx="1582">
                  <c:v>21.6</c:v>
                </c:pt>
                <c:pt idx="1583">
                  <c:v>21.6</c:v>
                </c:pt>
                <c:pt idx="1584">
                  <c:v>21.6</c:v>
                </c:pt>
                <c:pt idx="1585">
                  <c:v>21.6</c:v>
                </c:pt>
                <c:pt idx="1586">
                  <c:v>21.6</c:v>
                </c:pt>
                <c:pt idx="1587">
                  <c:v>21.6</c:v>
                </c:pt>
                <c:pt idx="1588">
                  <c:v>21.6</c:v>
                </c:pt>
                <c:pt idx="1589">
                  <c:v>21.6</c:v>
                </c:pt>
                <c:pt idx="1590">
                  <c:v>21.6</c:v>
                </c:pt>
                <c:pt idx="1591">
                  <c:v>21.6</c:v>
                </c:pt>
                <c:pt idx="1592">
                  <c:v>21.6</c:v>
                </c:pt>
                <c:pt idx="1593">
                  <c:v>21.6</c:v>
                </c:pt>
                <c:pt idx="1594">
                  <c:v>21.6</c:v>
                </c:pt>
                <c:pt idx="1595">
                  <c:v>21.6</c:v>
                </c:pt>
                <c:pt idx="1596">
                  <c:v>21.6</c:v>
                </c:pt>
                <c:pt idx="1597">
                  <c:v>21.6</c:v>
                </c:pt>
                <c:pt idx="1598">
                  <c:v>21.6</c:v>
                </c:pt>
                <c:pt idx="1599">
                  <c:v>21.6</c:v>
                </c:pt>
                <c:pt idx="1600">
                  <c:v>21.6</c:v>
                </c:pt>
                <c:pt idx="1601">
                  <c:v>21.6</c:v>
                </c:pt>
                <c:pt idx="1602">
                  <c:v>21.6</c:v>
                </c:pt>
                <c:pt idx="1603">
                  <c:v>21.6</c:v>
                </c:pt>
                <c:pt idx="1604">
                  <c:v>21.6</c:v>
                </c:pt>
                <c:pt idx="1605">
                  <c:v>21.6</c:v>
                </c:pt>
                <c:pt idx="1606">
                  <c:v>21.6</c:v>
                </c:pt>
                <c:pt idx="1607">
                  <c:v>21.6</c:v>
                </c:pt>
                <c:pt idx="1608">
                  <c:v>21.6</c:v>
                </c:pt>
                <c:pt idx="1609">
                  <c:v>21.6</c:v>
                </c:pt>
                <c:pt idx="1610">
                  <c:v>21.6</c:v>
                </c:pt>
                <c:pt idx="1611">
                  <c:v>21.6</c:v>
                </c:pt>
                <c:pt idx="1612">
                  <c:v>21.6</c:v>
                </c:pt>
                <c:pt idx="1613">
                  <c:v>21.6</c:v>
                </c:pt>
                <c:pt idx="1614">
                  <c:v>21.6</c:v>
                </c:pt>
                <c:pt idx="1615">
                  <c:v>21.7</c:v>
                </c:pt>
                <c:pt idx="1616">
                  <c:v>21.6</c:v>
                </c:pt>
                <c:pt idx="1617">
                  <c:v>21.7</c:v>
                </c:pt>
                <c:pt idx="1618">
                  <c:v>21.6</c:v>
                </c:pt>
                <c:pt idx="1619">
                  <c:v>21.7</c:v>
                </c:pt>
                <c:pt idx="1620">
                  <c:v>21.7</c:v>
                </c:pt>
                <c:pt idx="1621">
                  <c:v>21.7</c:v>
                </c:pt>
                <c:pt idx="1622">
                  <c:v>21.7</c:v>
                </c:pt>
                <c:pt idx="1623">
                  <c:v>21.7</c:v>
                </c:pt>
                <c:pt idx="1624">
                  <c:v>21.7</c:v>
                </c:pt>
                <c:pt idx="1625">
                  <c:v>21.7</c:v>
                </c:pt>
                <c:pt idx="1626">
                  <c:v>21.7</c:v>
                </c:pt>
                <c:pt idx="1627">
                  <c:v>21.7</c:v>
                </c:pt>
                <c:pt idx="1628">
                  <c:v>21.6</c:v>
                </c:pt>
                <c:pt idx="1629">
                  <c:v>21.6</c:v>
                </c:pt>
                <c:pt idx="1630">
                  <c:v>21.7</c:v>
                </c:pt>
                <c:pt idx="1631">
                  <c:v>21.7</c:v>
                </c:pt>
                <c:pt idx="1632">
                  <c:v>21.7</c:v>
                </c:pt>
                <c:pt idx="1633">
                  <c:v>21.7</c:v>
                </c:pt>
                <c:pt idx="1634">
                  <c:v>21.7</c:v>
                </c:pt>
                <c:pt idx="1635">
                  <c:v>21.6</c:v>
                </c:pt>
                <c:pt idx="1636">
                  <c:v>21.7</c:v>
                </c:pt>
                <c:pt idx="1637">
                  <c:v>21.6</c:v>
                </c:pt>
                <c:pt idx="1638">
                  <c:v>21.7</c:v>
                </c:pt>
                <c:pt idx="1639">
                  <c:v>21.7</c:v>
                </c:pt>
                <c:pt idx="1640">
                  <c:v>21.6</c:v>
                </c:pt>
                <c:pt idx="1641">
                  <c:v>21.6</c:v>
                </c:pt>
                <c:pt idx="1642">
                  <c:v>21.7</c:v>
                </c:pt>
                <c:pt idx="1643">
                  <c:v>21.6</c:v>
                </c:pt>
                <c:pt idx="1644">
                  <c:v>21.6</c:v>
                </c:pt>
                <c:pt idx="1645">
                  <c:v>21.6</c:v>
                </c:pt>
                <c:pt idx="1646">
                  <c:v>21.7</c:v>
                </c:pt>
                <c:pt idx="1647">
                  <c:v>21.6</c:v>
                </c:pt>
                <c:pt idx="1648">
                  <c:v>21.6</c:v>
                </c:pt>
                <c:pt idx="1649">
                  <c:v>21.7</c:v>
                </c:pt>
                <c:pt idx="1650">
                  <c:v>21.6</c:v>
                </c:pt>
                <c:pt idx="1651">
                  <c:v>21.6</c:v>
                </c:pt>
                <c:pt idx="1652">
                  <c:v>21.6</c:v>
                </c:pt>
                <c:pt idx="1653">
                  <c:v>21.6</c:v>
                </c:pt>
                <c:pt idx="1654">
                  <c:v>21.7</c:v>
                </c:pt>
                <c:pt idx="1655">
                  <c:v>21.7</c:v>
                </c:pt>
                <c:pt idx="1656">
                  <c:v>21.7</c:v>
                </c:pt>
                <c:pt idx="1657">
                  <c:v>21.7</c:v>
                </c:pt>
                <c:pt idx="1658">
                  <c:v>21.7</c:v>
                </c:pt>
                <c:pt idx="1659">
                  <c:v>21.7</c:v>
                </c:pt>
                <c:pt idx="1660">
                  <c:v>21.6</c:v>
                </c:pt>
                <c:pt idx="1661">
                  <c:v>21.6</c:v>
                </c:pt>
                <c:pt idx="1662">
                  <c:v>21.7</c:v>
                </c:pt>
                <c:pt idx="1663">
                  <c:v>21.7</c:v>
                </c:pt>
                <c:pt idx="1664">
                  <c:v>21.7</c:v>
                </c:pt>
                <c:pt idx="1665">
                  <c:v>21.6</c:v>
                </c:pt>
                <c:pt idx="1666">
                  <c:v>21.7</c:v>
                </c:pt>
                <c:pt idx="1667">
                  <c:v>21.6</c:v>
                </c:pt>
                <c:pt idx="1668">
                  <c:v>21.7</c:v>
                </c:pt>
                <c:pt idx="1669">
                  <c:v>21.6</c:v>
                </c:pt>
                <c:pt idx="1670">
                  <c:v>21.6</c:v>
                </c:pt>
                <c:pt idx="1671">
                  <c:v>21.6</c:v>
                </c:pt>
                <c:pt idx="1672">
                  <c:v>21.6</c:v>
                </c:pt>
                <c:pt idx="1673">
                  <c:v>21.6</c:v>
                </c:pt>
                <c:pt idx="1674">
                  <c:v>21.6</c:v>
                </c:pt>
                <c:pt idx="1675">
                  <c:v>21.6</c:v>
                </c:pt>
                <c:pt idx="1676">
                  <c:v>21.7</c:v>
                </c:pt>
                <c:pt idx="1677">
                  <c:v>21.6</c:v>
                </c:pt>
                <c:pt idx="1678">
                  <c:v>21.7</c:v>
                </c:pt>
                <c:pt idx="1679">
                  <c:v>21.6</c:v>
                </c:pt>
                <c:pt idx="1680">
                  <c:v>21.6</c:v>
                </c:pt>
                <c:pt idx="1681">
                  <c:v>21.6</c:v>
                </c:pt>
                <c:pt idx="1682">
                  <c:v>21.6</c:v>
                </c:pt>
                <c:pt idx="1683">
                  <c:v>21.6</c:v>
                </c:pt>
                <c:pt idx="1684">
                  <c:v>21.7</c:v>
                </c:pt>
                <c:pt idx="1685">
                  <c:v>21.6</c:v>
                </c:pt>
                <c:pt idx="1686">
                  <c:v>21.6</c:v>
                </c:pt>
                <c:pt idx="1687">
                  <c:v>21.6</c:v>
                </c:pt>
                <c:pt idx="1688">
                  <c:v>21.6</c:v>
                </c:pt>
                <c:pt idx="1689">
                  <c:v>21.6</c:v>
                </c:pt>
                <c:pt idx="1690">
                  <c:v>21.6</c:v>
                </c:pt>
                <c:pt idx="1691">
                  <c:v>21.6</c:v>
                </c:pt>
                <c:pt idx="1692">
                  <c:v>21.6</c:v>
                </c:pt>
                <c:pt idx="1693">
                  <c:v>21.6</c:v>
                </c:pt>
                <c:pt idx="1694">
                  <c:v>21.6</c:v>
                </c:pt>
                <c:pt idx="1695">
                  <c:v>21.6</c:v>
                </c:pt>
                <c:pt idx="1696">
                  <c:v>21.6</c:v>
                </c:pt>
                <c:pt idx="1697">
                  <c:v>21.6</c:v>
                </c:pt>
                <c:pt idx="1698">
                  <c:v>21.6</c:v>
                </c:pt>
                <c:pt idx="1699">
                  <c:v>21.7</c:v>
                </c:pt>
                <c:pt idx="1700">
                  <c:v>21.7</c:v>
                </c:pt>
                <c:pt idx="1701">
                  <c:v>21.6</c:v>
                </c:pt>
                <c:pt idx="1702">
                  <c:v>21.6</c:v>
                </c:pt>
                <c:pt idx="1703">
                  <c:v>21.7</c:v>
                </c:pt>
                <c:pt idx="1704">
                  <c:v>21.7</c:v>
                </c:pt>
                <c:pt idx="1705">
                  <c:v>21.6</c:v>
                </c:pt>
                <c:pt idx="1706">
                  <c:v>21.6</c:v>
                </c:pt>
                <c:pt idx="1707">
                  <c:v>21.7</c:v>
                </c:pt>
                <c:pt idx="1708">
                  <c:v>21.6</c:v>
                </c:pt>
                <c:pt idx="1709">
                  <c:v>21.7</c:v>
                </c:pt>
                <c:pt idx="1710">
                  <c:v>21.6</c:v>
                </c:pt>
                <c:pt idx="1711">
                  <c:v>21.6</c:v>
                </c:pt>
                <c:pt idx="1712">
                  <c:v>21.7</c:v>
                </c:pt>
                <c:pt idx="1713">
                  <c:v>21.7</c:v>
                </c:pt>
                <c:pt idx="1714">
                  <c:v>21.7</c:v>
                </c:pt>
                <c:pt idx="1715">
                  <c:v>21.7</c:v>
                </c:pt>
                <c:pt idx="1716">
                  <c:v>21.7</c:v>
                </c:pt>
                <c:pt idx="1717">
                  <c:v>21.7</c:v>
                </c:pt>
                <c:pt idx="1718">
                  <c:v>21.7</c:v>
                </c:pt>
                <c:pt idx="1719">
                  <c:v>21.7</c:v>
                </c:pt>
                <c:pt idx="1720">
                  <c:v>21.6</c:v>
                </c:pt>
                <c:pt idx="1721">
                  <c:v>21.7</c:v>
                </c:pt>
                <c:pt idx="1722">
                  <c:v>21.7</c:v>
                </c:pt>
                <c:pt idx="1723">
                  <c:v>21.7</c:v>
                </c:pt>
                <c:pt idx="1724">
                  <c:v>21.7</c:v>
                </c:pt>
                <c:pt idx="1725">
                  <c:v>21.7</c:v>
                </c:pt>
                <c:pt idx="1726">
                  <c:v>21.7</c:v>
                </c:pt>
                <c:pt idx="1727">
                  <c:v>21.7</c:v>
                </c:pt>
                <c:pt idx="1728">
                  <c:v>21.7</c:v>
                </c:pt>
                <c:pt idx="1729">
                  <c:v>21.7</c:v>
                </c:pt>
                <c:pt idx="1730">
                  <c:v>21.7</c:v>
                </c:pt>
                <c:pt idx="1731">
                  <c:v>21.7</c:v>
                </c:pt>
                <c:pt idx="1732">
                  <c:v>21.7</c:v>
                </c:pt>
                <c:pt idx="1733">
                  <c:v>21.7</c:v>
                </c:pt>
                <c:pt idx="1734">
                  <c:v>21.7</c:v>
                </c:pt>
                <c:pt idx="1735">
                  <c:v>21.7</c:v>
                </c:pt>
                <c:pt idx="1736">
                  <c:v>21.7</c:v>
                </c:pt>
                <c:pt idx="1737">
                  <c:v>21.7</c:v>
                </c:pt>
                <c:pt idx="1738">
                  <c:v>21.7</c:v>
                </c:pt>
                <c:pt idx="1739">
                  <c:v>21.7</c:v>
                </c:pt>
                <c:pt idx="1740">
                  <c:v>21.7</c:v>
                </c:pt>
                <c:pt idx="1741">
                  <c:v>21.7</c:v>
                </c:pt>
                <c:pt idx="1742">
                  <c:v>21.7</c:v>
                </c:pt>
                <c:pt idx="1743">
                  <c:v>21.7</c:v>
                </c:pt>
                <c:pt idx="1744">
                  <c:v>21.7</c:v>
                </c:pt>
                <c:pt idx="1745">
                  <c:v>21.6</c:v>
                </c:pt>
                <c:pt idx="1746">
                  <c:v>21.7</c:v>
                </c:pt>
                <c:pt idx="1747">
                  <c:v>21.7</c:v>
                </c:pt>
                <c:pt idx="1748">
                  <c:v>21.7</c:v>
                </c:pt>
                <c:pt idx="1749">
                  <c:v>21.7</c:v>
                </c:pt>
                <c:pt idx="1750">
                  <c:v>21.7</c:v>
                </c:pt>
                <c:pt idx="1751">
                  <c:v>21.7</c:v>
                </c:pt>
                <c:pt idx="1752">
                  <c:v>21.7</c:v>
                </c:pt>
                <c:pt idx="1753">
                  <c:v>21.7</c:v>
                </c:pt>
                <c:pt idx="1754">
                  <c:v>21.7</c:v>
                </c:pt>
                <c:pt idx="1755">
                  <c:v>21.7</c:v>
                </c:pt>
                <c:pt idx="1756">
                  <c:v>21.7</c:v>
                </c:pt>
                <c:pt idx="1757">
                  <c:v>21.7</c:v>
                </c:pt>
                <c:pt idx="1758">
                  <c:v>21.7</c:v>
                </c:pt>
                <c:pt idx="1759">
                  <c:v>21.7</c:v>
                </c:pt>
                <c:pt idx="1760">
                  <c:v>21.7</c:v>
                </c:pt>
                <c:pt idx="1761">
                  <c:v>21.7</c:v>
                </c:pt>
                <c:pt idx="1762">
                  <c:v>21.7</c:v>
                </c:pt>
                <c:pt idx="1763">
                  <c:v>21.7</c:v>
                </c:pt>
                <c:pt idx="1764">
                  <c:v>21.7</c:v>
                </c:pt>
                <c:pt idx="1765">
                  <c:v>21.7</c:v>
                </c:pt>
                <c:pt idx="1766">
                  <c:v>21.7</c:v>
                </c:pt>
                <c:pt idx="1767">
                  <c:v>21.7</c:v>
                </c:pt>
                <c:pt idx="1768">
                  <c:v>21.7</c:v>
                </c:pt>
                <c:pt idx="1769">
                  <c:v>21.7</c:v>
                </c:pt>
                <c:pt idx="1770">
                  <c:v>21.7</c:v>
                </c:pt>
                <c:pt idx="1771">
                  <c:v>21.7</c:v>
                </c:pt>
                <c:pt idx="1772">
                  <c:v>21.7</c:v>
                </c:pt>
                <c:pt idx="1773">
                  <c:v>21.7</c:v>
                </c:pt>
                <c:pt idx="1774">
                  <c:v>21.7</c:v>
                </c:pt>
                <c:pt idx="1775">
                  <c:v>21.7</c:v>
                </c:pt>
                <c:pt idx="1776">
                  <c:v>21.7</c:v>
                </c:pt>
                <c:pt idx="1777">
                  <c:v>21.7</c:v>
                </c:pt>
                <c:pt idx="1778">
                  <c:v>21.7</c:v>
                </c:pt>
                <c:pt idx="1779">
                  <c:v>21.7</c:v>
                </c:pt>
                <c:pt idx="1780">
                  <c:v>21.7</c:v>
                </c:pt>
                <c:pt idx="1781">
                  <c:v>21.7</c:v>
                </c:pt>
                <c:pt idx="1782">
                  <c:v>21.7</c:v>
                </c:pt>
                <c:pt idx="1783">
                  <c:v>21.7</c:v>
                </c:pt>
                <c:pt idx="1784">
                  <c:v>21.7</c:v>
                </c:pt>
                <c:pt idx="1785">
                  <c:v>21.7</c:v>
                </c:pt>
                <c:pt idx="1786">
                  <c:v>21.7</c:v>
                </c:pt>
                <c:pt idx="1787">
                  <c:v>21.7</c:v>
                </c:pt>
                <c:pt idx="1788">
                  <c:v>21.7</c:v>
                </c:pt>
                <c:pt idx="1789">
                  <c:v>21.7</c:v>
                </c:pt>
                <c:pt idx="1790">
                  <c:v>21.7</c:v>
                </c:pt>
                <c:pt idx="1791">
                  <c:v>21.7</c:v>
                </c:pt>
                <c:pt idx="1792">
                  <c:v>21.7</c:v>
                </c:pt>
                <c:pt idx="1793">
                  <c:v>21.7</c:v>
                </c:pt>
                <c:pt idx="1794">
                  <c:v>21.7</c:v>
                </c:pt>
                <c:pt idx="1795">
                  <c:v>21.7</c:v>
                </c:pt>
                <c:pt idx="1796">
                  <c:v>21.7</c:v>
                </c:pt>
                <c:pt idx="1797">
                  <c:v>21.7</c:v>
                </c:pt>
                <c:pt idx="1798">
                  <c:v>21.7</c:v>
                </c:pt>
                <c:pt idx="1799">
                  <c:v>21.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5A2-46D7-B5A1-928669B43635}"/>
            </c:ext>
          </c:extLst>
        </c:ser>
        <c:ser>
          <c:idx val="1"/>
          <c:order val="1"/>
          <c:tx>
            <c:strRef>
              <c:f>'30Inside'!$C$1</c:f>
              <c:strCache>
                <c:ptCount val="1"/>
                <c:pt idx="0">
                  <c:v>soilTMP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'30Inside'!$A$2:$A$1801</c:f>
              <c:numCache>
                <c:formatCode>General</c:formatCode>
                <c:ptCount val="1800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1</c:v>
                </c:pt>
                <c:pt idx="1002">
                  <c:v>1002</c:v>
                </c:pt>
                <c:pt idx="1003">
                  <c:v>1003</c:v>
                </c:pt>
                <c:pt idx="1004">
                  <c:v>1004</c:v>
                </c:pt>
                <c:pt idx="1005">
                  <c:v>1005</c:v>
                </c:pt>
                <c:pt idx="1006">
                  <c:v>1006</c:v>
                </c:pt>
                <c:pt idx="1007">
                  <c:v>1007</c:v>
                </c:pt>
                <c:pt idx="1008">
                  <c:v>1008</c:v>
                </c:pt>
                <c:pt idx="1009">
                  <c:v>1009</c:v>
                </c:pt>
                <c:pt idx="1010">
                  <c:v>1010</c:v>
                </c:pt>
                <c:pt idx="1011">
                  <c:v>1011</c:v>
                </c:pt>
                <c:pt idx="1012">
                  <c:v>1012</c:v>
                </c:pt>
                <c:pt idx="1013">
                  <c:v>1013</c:v>
                </c:pt>
                <c:pt idx="1014">
                  <c:v>1014</c:v>
                </c:pt>
                <c:pt idx="1015">
                  <c:v>1015</c:v>
                </c:pt>
                <c:pt idx="1016">
                  <c:v>1016</c:v>
                </c:pt>
                <c:pt idx="1017">
                  <c:v>1017</c:v>
                </c:pt>
                <c:pt idx="1018">
                  <c:v>1018</c:v>
                </c:pt>
                <c:pt idx="1019">
                  <c:v>1019</c:v>
                </c:pt>
                <c:pt idx="1020">
                  <c:v>1020</c:v>
                </c:pt>
                <c:pt idx="1021">
                  <c:v>1021</c:v>
                </c:pt>
                <c:pt idx="1022">
                  <c:v>1022</c:v>
                </c:pt>
                <c:pt idx="1023">
                  <c:v>1023</c:v>
                </c:pt>
                <c:pt idx="1024">
                  <c:v>1024</c:v>
                </c:pt>
                <c:pt idx="1025">
                  <c:v>1025</c:v>
                </c:pt>
                <c:pt idx="1026">
                  <c:v>1026</c:v>
                </c:pt>
                <c:pt idx="1027">
                  <c:v>1027</c:v>
                </c:pt>
                <c:pt idx="1028">
                  <c:v>1028</c:v>
                </c:pt>
                <c:pt idx="1029">
                  <c:v>1029</c:v>
                </c:pt>
                <c:pt idx="1030">
                  <c:v>1030</c:v>
                </c:pt>
                <c:pt idx="1031">
                  <c:v>1031</c:v>
                </c:pt>
                <c:pt idx="1032">
                  <c:v>1032</c:v>
                </c:pt>
                <c:pt idx="1033">
                  <c:v>1033</c:v>
                </c:pt>
                <c:pt idx="1034">
                  <c:v>1034</c:v>
                </c:pt>
                <c:pt idx="1035">
                  <c:v>1035</c:v>
                </c:pt>
                <c:pt idx="1036">
                  <c:v>1036</c:v>
                </c:pt>
                <c:pt idx="1037">
                  <c:v>1037</c:v>
                </c:pt>
                <c:pt idx="1038">
                  <c:v>1038</c:v>
                </c:pt>
                <c:pt idx="1039">
                  <c:v>1039</c:v>
                </c:pt>
                <c:pt idx="1040">
                  <c:v>1040</c:v>
                </c:pt>
                <c:pt idx="1041">
                  <c:v>1041</c:v>
                </c:pt>
                <c:pt idx="1042">
                  <c:v>1042</c:v>
                </c:pt>
                <c:pt idx="1043">
                  <c:v>1043</c:v>
                </c:pt>
                <c:pt idx="1044">
                  <c:v>1044</c:v>
                </c:pt>
                <c:pt idx="1045">
                  <c:v>1045</c:v>
                </c:pt>
                <c:pt idx="1046">
                  <c:v>1046</c:v>
                </c:pt>
                <c:pt idx="1047">
                  <c:v>1047</c:v>
                </c:pt>
                <c:pt idx="1048">
                  <c:v>1048</c:v>
                </c:pt>
                <c:pt idx="1049">
                  <c:v>1049</c:v>
                </c:pt>
                <c:pt idx="1050">
                  <c:v>1050</c:v>
                </c:pt>
                <c:pt idx="1051">
                  <c:v>1051</c:v>
                </c:pt>
                <c:pt idx="1052">
                  <c:v>1052</c:v>
                </c:pt>
                <c:pt idx="1053">
                  <c:v>1053</c:v>
                </c:pt>
                <c:pt idx="1054">
                  <c:v>1054</c:v>
                </c:pt>
                <c:pt idx="1055">
                  <c:v>1055</c:v>
                </c:pt>
                <c:pt idx="1056">
                  <c:v>1056</c:v>
                </c:pt>
                <c:pt idx="1057">
                  <c:v>1057</c:v>
                </c:pt>
                <c:pt idx="1058">
                  <c:v>1058</c:v>
                </c:pt>
                <c:pt idx="1059">
                  <c:v>1059</c:v>
                </c:pt>
                <c:pt idx="1060">
                  <c:v>1060</c:v>
                </c:pt>
                <c:pt idx="1061">
                  <c:v>1061</c:v>
                </c:pt>
                <c:pt idx="1062">
                  <c:v>1062</c:v>
                </c:pt>
                <c:pt idx="1063">
                  <c:v>1063</c:v>
                </c:pt>
                <c:pt idx="1064">
                  <c:v>1064</c:v>
                </c:pt>
                <c:pt idx="1065">
                  <c:v>1065</c:v>
                </c:pt>
                <c:pt idx="1066">
                  <c:v>1066</c:v>
                </c:pt>
                <c:pt idx="1067">
                  <c:v>1067</c:v>
                </c:pt>
                <c:pt idx="1068">
                  <c:v>1068</c:v>
                </c:pt>
                <c:pt idx="1069">
                  <c:v>1069</c:v>
                </c:pt>
                <c:pt idx="1070">
                  <c:v>1070</c:v>
                </c:pt>
                <c:pt idx="1071">
                  <c:v>1071</c:v>
                </c:pt>
                <c:pt idx="1072">
                  <c:v>1072</c:v>
                </c:pt>
                <c:pt idx="1073">
                  <c:v>1073</c:v>
                </c:pt>
                <c:pt idx="1074">
                  <c:v>1074</c:v>
                </c:pt>
                <c:pt idx="1075">
                  <c:v>1075</c:v>
                </c:pt>
                <c:pt idx="1076">
                  <c:v>1076</c:v>
                </c:pt>
                <c:pt idx="1077">
                  <c:v>1077</c:v>
                </c:pt>
                <c:pt idx="1078">
                  <c:v>1078</c:v>
                </c:pt>
                <c:pt idx="1079">
                  <c:v>1079</c:v>
                </c:pt>
                <c:pt idx="1080">
                  <c:v>1080</c:v>
                </c:pt>
                <c:pt idx="1081">
                  <c:v>1081</c:v>
                </c:pt>
                <c:pt idx="1082">
                  <c:v>1082</c:v>
                </c:pt>
                <c:pt idx="1083">
                  <c:v>1083</c:v>
                </c:pt>
                <c:pt idx="1084">
                  <c:v>1084</c:v>
                </c:pt>
                <c:pt idx="1085">
                  <c:v>1085</c:v>
                </c:pt>
                <c:pt idx="1086">
                  <c:v>1086</c:v>
                </c:pt>
                <c:pt idx="1087">
                  <c:v>1087</c:v>
                </c:pt>
                <c:pt idx="1088">
                  <c:v>1088</c:v>
                </c:pt>
                <c:pt idx="1089">
                  <c:v>1089</c:v>
                </c:pt>
                <c:pt idx="1090">
                  <c:v>1090</c:v>
                </c:pt>
                <c:pt idx="1091">
                  <c:v>1091</c:v>
                </c:pt>
                <c:pt idx="1092">
                  <c:v>1092</c:v>
                </c:pt>
                <c:pt idx="1093">
                  <c:v>1093</c:v>
                </c:pt>
                <c:pt idx="1094">
                  <c:v>1094</c:v>
                </c:pt>
                <c:pt idx="1095">
                  <c:v>1095</c:v>
                </c:pt>
                <c:pt idx="1096">
                  <c:v>1096</c:v>
                </c:pt>
                <c:pt idx="1097">
                  <c:v>1097</c:v>
                </c:pt>
                <c:pt idx="1098">
                  <c:v>1098</c:v>
                </c:pt>
                <c:pt idx="1099">
                  <c:v>1099</c:v>
                </c:pt>
                <c:pt idx="1100">
                  <c:v>1100</c:v>
                </c:pt>
                <c:pt idx="1101">
                  <c:v>1101</c:v>
                </c:pt>
                <c:pt idx="1102">
                  <c:v>1102</c:v>
                </c:pt>
                <c:pt idx="1103">
                  <c:v>1103</c:v>
                </c:pt>
                <c:pt idx="1104">
                  <c:v>1104</c:v>
                </c:pt>
                <c:pt idx="1105">
                  <c:v>1105</c:v>
                </c:pt>
                <c:pt idx="1106">
                  <c:v>1106</c:v>
                </c:pt>
                <c:pt idx="1107">
                  <c:v>1107</c:v>
                </c:pt>
                <c:pt idx="1108">
                  <c:v>1108</c:v>
                </c:pt>
                <c:pt idx="1109">
                  <c:v>1109</c:v>
                </c:pt>
                <c:pt idx="1110">
                  <c:v>1110</c:v>
                </c:pt>
                <c:pt idx="1111">
                  <c:v>1111</c:v>
                </c:pt>
                <c:pt idx="1112">
                  <c:v>1112</c:v>
                </c:pt>
                <c:pt idx="1113">
                  <c:v>1113</c:v>
                </c:pt>
                <c:pt idx="1114">
                  <c:v>1114</c:v>
                </c:pt>
                <c:pt idx="1115">
                  <c:v>1115</c:v>
                </c:pt>
                <c:pt idx="1116">
                  <c:v>1116</c:v>
                </c:pt>
                <c:pt idx="1117">
                  <c:v>1117</c:v>
                </c:pt>
                <c:pt idx="1118">
                  <c:v>1118</c:v>
                </c:pt>
                <c:pt idx="1119">
                  <c:v>1119</c:v>
                </c:pt>
                <c:pt idx="1120">
                  <c:v>1120</c:v>
                </c:pt>
                <c:pt idx="1121">
                  <c:v>1121</c:v>
                </c:pt>
                <c:pt idx="1122">
                  <c:v>1122</c:v>
                </c:pt>
                <c:pt idx="1123">
                  <c:v>1123</c:v>
                </c:pt>
                <c:pt idx="1124">
                  <c:v>1124</c:v>
                </c:pt>
                <c:pt idx="1125">
                  <c:v>1125</c:v>
                </c:pt>
                <c:pt idx="1126">
                  <c:v>1126</c:v>
                </c:pt>
                <c:pt idx="1127">
                  <c:v>1127</c:v>
                </c:pt>
                <c:pt idx="1128">
                  <c:v>1128</c:v>
                </c:pt>
                <c:pt idx="1129">
                  <c:v>1129</c:v>
                </c:pt>
                <c:pt idx="1130">
                  <c:v>1130</c:v>
                </c:pt>
                <c:pt idx="1131">
                  <c:v>1131</c:v>
                </c:pt>
                <c:pt idx="1132">
                  <c:v>1132</c:v>
                </c:pt>
                <c:pt idx="1133">
                  <c:v>1133</c:v>
                </c:pt>
                <c:pt idx="1134">
                  <c:v>1134</c:v>
                </c:pt>
                <c:pt idx="1135">
                  <c:v>1135</c:v>
                </c:pt>
                <c:pt idx="1136">
                  <c:v>1136</c:v>
                </c:pt>
                <c:pt idx="1137">
                  <c:v>1137</c:v>
                </c:pt>
                <c:pt idx="1138">
                  <c:v>1138</c:v>
                </c:pt>
                <c:pt idx="1139">
                  <c:v>1139</c:v>
                </c:pt>
                <c:pt idx="1140">
                  <c:v>1140</c:v>
                </c:pt>
                <c:pt idx="1141">
                  <c:v>1141</c:v>
                </c:pt>
                <c:pt idx="1142">
                  <c:v>1142</c:v>
                </c:pt>
                <c:pt idx="1143">
                  <c:v>1143</c:v>
                </c:pt>
                <c:pt idx="1144">
                  <c:v>1144</c:v>
                </c:pt>
                <c:pt idx="1145">
                  <c:v>1145</c:v>
                </c:pt>
                <c:pt idx="1146">
                  <c:v>1146</c:v>
                </c:pt>
                <c:pt idx="1147">
                  <c:v>1147</c:v>
                </c:pt>
                <c:pt idx="1148">
                  <c:v>1148</c:v>
                </c:pt>
                <c:pt idx="1149">
                  <c:v>1149</c:v>
                </c:pt>
                <c:pt idx="1150">
                  <c:v>1150</c:v>
                </c:pt>
                <c:pt idx="1151">
                  <c:v>1151</c:v>
                </c:pt>
                <c:pt idx="1152">
                  <c:v>1152</c:v>
                </c:pt>
                <c:pt idx="1153">
                  <c:v>1153</c:v>
                </c:pt>
                <c:pt idx="1154">
                  <c:v>1154</c:v>
                </c:pt>
                <c:pt idx="1155">
                  <c:v>1155</c:v>
                </c:pt>
                <c:pt idx="1156">
                  <c:v>1156</c:v>
                </c:pt>
                <c:pt idx="1157">
                  <c:v>1157</c:v>
                </c:pt>
                <c:pt idx="1158">
                  <c:v>1158</c:v>
                </c:pt>
                <c:pt idx="1159">
                  <c:v>1159</c:v>
                </c:pt>
                <c:pt idx="1160">
                  <c:v>1160</c:v>
                </c:pt>
                <c:pt idx="1161">
                  <c:v>1161</c:v>
                </c:pt>
                <c:pt idx="1162">
                  <c:v>1162</c:v>
                </c:pt>
                <c:pt idx="1163">
                  <c:v>1163</c:v>
                </c:pt>
                <c:pt idx="1164">
                  <c:v>1164</c:v>
                </c:pt>
                <c:pt idx="1165">
                  <c:v>1165</c:v>
                </c:pt>
                <c:pt idx="1166">
                  <c:v>1166</c:v>
                </c:pt>
                <c:pt idx="1167">
                  <c:v>1167</c:v>
                </c:pt>
                <c:pt idx="1168">
                  <c:v>1168</c:v>
                </c:pt>
                <c:pt idx="1169">
                  <c:v>1169</c:v>
                </c:pt>
                <c:pt idx="1170">
                  <c:v>1170</c:v>
                </c:pt>
                <c:pt idx="1171">
                  <c:v>1171</c:v>
                </c:pt>
                <c:pt idx="1172">
                  <c:v>1172</c:v>
                </c:pt>
                <c:pt idx="1173">
                  <c:v>1173</c:v>
                </c:pt>
                <c:pt idx="1174">
                  <c:v>1174</c:v>
                </c:pt>
                <c:pt idx="1175">
                  <c:v>1175</c:v>
                </c:pt>
                <c:pt idx="1176">
                  <c:v>1176</c:v>
                </c:pt>
                <c:pt idx="1177">
                  <c:v>1177</c:v>
                </c:pt>
                <c:pt idx="1178">
                  <c:v>1178</c:v>
                </c:pt>
                <c:pt idx="1179">
                  <c:v>1179</c:v>
                </c:pt>
                <c:pt idx="1180">
                  <c:v>1180</c:v>
                </c:pt>
                <c:pt idx="1181">
                  <c:v>1181</c:v>
                </c:pt>
                <c:pt idx="1182">
                  <c:v>1182</c:v>
                </c:pt>
                <c:pt idx="1183">
                  <c:v>1183</c:v>
                </c:pt>
                <c:pt idx="1184">
                  <c:v>1184</c:v>
                </c:pt>
                <c:pt idx="1185">
                  <c:v>1185</c:v>
                </c:pt>
                <c:pt idx="1186">
                  <c:v>1186</c:v>
                </c:pt>
                <c:pt idx="1187">
                  <c:v>1187</c:v>
                </c:pt>
                <c:pt idx="1188">
                  <c:v>1188</c:v>
                </c:pt>
                <c:pt idx="1189">
                  <c:v>1189</c:v>
                </c:pt>
                <c:pt idx="1190">
                  <c:v>1190</c:v>
                </c:pt>
                <c:pt idx="1191">
                  <c:v>1191</c:v>
                </c:pt>
                <c:pt idx="1192">
                  <c:v>1192</c:v>
                </c:pt>
                <c:pt idx="1193">
                  <c:v>1193</c:v>
                </c:pt>
                <c:pt idx="1194">
                  <c:v>1194</c:v>
                </c:pt>
                <c:pt idx="1195">
                  <c:v>1195</c:v>
                </c:pt>
                <c:pt idx="1196">
                  <c:v>1196</c:v>
                </c:pt>
                <c:pt idx="1197">
                  <c:v>1197</c:v>
                </c:pt>
                <c:pt idx="1198">
                  <c:v>1198</c:v>
                </c:pt>
                <c:pt idx="1199">
                  <c:v>1199</c:v>
                </c:pt>
                <c:pt idx="1200">
                  <c:v>1200</c:v>
                </c:pt>
                <c:pt idx="1201">
                  <c:v>1201</c:v>
                </c:pt>
                <c:pt idx="1202">
                  <c:v>1202</c:v>
                </c:pt>
                <c:pt idx="1203">
                  <c:v>1203</c:v>
                </c:pt>
                <c:pt idx="1204">
                  <c:v>1204</c:v>
                </c:pt>
                <c:pt idx="1205">
                  <c:v>1205</c:v>
                </c:pt>
                <c:pt idx="1206">
                  <c:v>1206</c:v>
                </c:pt>
                <c:pt idx="1207">
                  <c:v>1207</c:v>
                </c:pt>
                <c:pt idx="1208">
                  <c:v>1208</c:v>
                </c:pt>
                <c:pt idx="1209">
                  <c:v>1209</c:v>
                </c:pt>
                <c:pt idx="1210">
                  <c:v>1210</c:v>
                </c:pt>
                <c:pt idx="1211">
                  <c:v>1211</c:v>
                </c:pt>
                <c:pt idx="1212">
                  <c:v>1212</c:v>
                </c:pt>
                <c:pt idx="1213">
                  <c:v>1213</c:v>
                </c:pt>
                <c:pt idx="1214">
                  <c:v>1214</c:v>
                </c:pt>
                <c:pt idx="1215">
                  <c:v>1215</c:v>
                </c:pt>
                <c:pt idx="1216">
                  <c:v>1216</c:v>
                </c:pt>
                <c:pt idx="1217">
                  <c:v>1217</c:v>
                </c:pt>
                <c:pt idx="1218">
                  <c:v>1218</c:v>
                </c:pt>
                <c:pt idx="1219">
                  <c:v>1219</c:v>
                </c:pt>
                <c:pt idx="1220">
                  <c:v>1220</c:v>
                </c:pt>
                <c:pt idx="1221">
                  <c:v>1221</c:v>
                </c:pt>
                <c:pt idx="1222">
                  <c:v>1222</c:v>
                </c:pt>
                <c:pt idx="1223">
                  <c:v>1223</c:v>
                </c:pt>
                <c:pt idx="1224">
                  <c:v>1224</c:v>
                </c:pt>
                <c:pt idx="1225">
                  <c:v>1225</c:v>
                </c:pt>
                <c:pt idx="1226">
                  <c:v>1226</c:v>
                </c:pt>
                <c:pt idx="1227">
                  <c:v>1227</c:v>
                </c:pt>
                <c:pt idx="1228">
                  <c:v>1228</c:v>
                </c:pt>
                <c:pt idx="1229">
                  <c:v>1229</c:v>
                </c:pt>
                <c:pt idx="1230">
                  <c:v>1230</c:v>
                </c:pt>
                <c:pt idx="1231">
                  <c:v>1231</c:v>
                </c:pt>
                <c:pt idx="1232">
                  <c:v>1232</c:v>
                </c:pt>
                <c:pt idx="1233">
                  <c:v>1233</c:v>
                </c:pt>
                <c:pt idx="1234">
                  <c:v>1234</c:v>
                </c:pt>
                <c:pt idx="1235">
                  <c:v>1235</c:v>
                </c:pt>
                <c:pt idx="1236">
                  <c:v>1236</c:v>
                </c:pt>
                <c:pt idx="1237">
                  <c:v>1237</c:v>
                </c:pt>
                <c:pt idx="1238">
                  <c:v>1238</c:v>
                </c:pt>
                <c:pt idx="1239">
                  <c:v>1239</c:v>
                </c:pt>
                <c:pt idx="1240">
                  <c:v>1240</c:v>
                </c:pt>
                <c:pt idx="1241">
                  <c:v>1241</c:v>
                </c:pt>
                <c:pt idx="1242">
                  <c:v>1242</c:v>
                </c:pt>
                <c:pt idx="1243">
                  <c:v>1243</c:v>
                </c:pt>
                <c:pt idx="1244">
                  <c:v>1244</c:v>
                </c:pt>
                <c:pt idx="1245">
                  <c:v>1245</c:v>
                </c:pt>
                <c:pt idx="1246">
                  <c:v>1246</c:v>
                </c:pt>
                <c:pt idx="1247">
                  <c:v>1247</c:v>
                </c:pt>
                <c:pt idx="1248">
                  <c:v>1248</c:v>
                </c:pt>
                <c:pt idx="1249">
                  <c:v>1249</c:v>
                </c:pt>
                <c:pt idx="1250">
                  <c:v>1250</c:v>
                </c:pt>
                <c:pt idx="1251">
                  <c:v>1251</c:v>
                </c:pt>
                <c:pt idx="1252">
                  <c:v>1252</c:v>
                </c:pt>
                <c:pt idx="1253">
                  <c:v>1253</c:v>
                </c:pt>
                <c:pt idx="1254">
                  <c:v>1254</c:v>
                </c:pt>
                <c:pt idx="1255">
                  <c:v>1255</c:v>
                </c:pt>
                <c:pt idx="1256">
                  <c:v>1256</c:v>
                </c:pt>
                <c:pt idx="1257">
                  <c:v>1257</c:v>
                </c:pt>
                <c:pt idx="1258">
                  <c:v>1258</c:v>
                </c:pt>
                <c:pt idx="1259">
                  <c:v>1259</c:v>
                </c:pt>
                <c:pt idx="1260">
                  <c:v>1260</c:v>
                </c:pt>
                <c:pt idx="1261">
                  <c:v>1261</c:v>
                </c:pt>
                <c:pt idx="1262">
                  <c:v>1262</c:v>
                </c:pt>
                <c:pt idx="1263">
                  <c:v>1263</c:v>
                </c:pt>
                <c:pt idx="1264">
                  <c:v>1264</c:v>
                </c:pt>
                <c:pt idx="1265">
                  <c:v>1265</c:v>
                </c:pt>
                <c:pt idx="1266">
                  <c:v>1266</c:v>
                </c:pt>
                <c:pt idx="1267">
                  <c:v>1267</c:v>
                </c:pt>
                <c:pt idx="1268">
                  <c:v>1268</c:v>
                </c:pt>
                <c:pt idx="1269">
                  <c:v>1269</c:v>
                </c:pt>
                <c:pt idx="1270">
                  <c:v>1270</c:v>
                </c:pt>
                <c:pt idx="1271">
                  <c:v>1271</c:v>
                </c:pt>
                <c:pt idx="1272">
                  <c:v>1272</c:v>
                </c:pt>
                <c:pt idx="1273">
                  <c:v>1273</c:v>
                </c:pt>
                <c:pt idx="1274">
                  <c:v>1274</c:v>
                </c:pt>
                <c:pt idx="1275">
                  <c:v>1275</c:v>
                </c:pt>
                <c:pt idx="1276">
                  <c:v>1276</c:v>
                </c:pt>
                <c:pt idx="1277">
                  <c:v>1277</c:v>
                </c:pt>
                <c:pt idx="1278">
                  <c:v>1278</c:v>
                </c:pt>
                <c:pt idx="1279">
                  <c:v>1279</c:v>
                </c:pt>
                <c:pt idx="1280">
                  <c:v>1280</c:v>
                </c:pt>
                <c:pt idx="1281">
                  <c:v>1281</c:v>
                </c:pt>
                <c:pt idx="1282">
                  <c:v>1282</c:v>
                </c:pt>
                <c:pt idx="1283">
                  <c:v>1283</c:v>
                </c:pt>
                <c:pt idx="1284">
                  <c:v>1284</c:v>
                </c:pt>
                <c:pt idx="1285">
                  <c:v>1285</c:v>
                </c:pt>
                <c:pt idx="1286">
                  <c:v>1286</c:v>
                </c:pt>
                <c:pt idx="1287">
                  <c:v>1287</c:v>
                </c:pt>
                <c:pt idx="1288">
                  <c:v>1288</c:v>
                </c:pt>
                <c:pt idx="1289">
                  <c:v>1289</c:v>
                </c:pt>
                <c:pt idx="1290">
                  <c:v>1290</c:v>
                </c:pt>
                <c:pt idx="1291">
                  <c:v>1291</c:v>
                </c:pt>
                <c:pt idx="1292">
                  <c:v>1292</c:v>
                </c:pt>
                <c:pt idx="1293">
                  <c:v>1293</c:v>
                </c:pt>
                <c:pt idx="1294">
                  <c:v>1294</c:v>
                </c:pt>
                <c:pt idx="1295">
                  <c:v>1295</c:v>
                </c:pt>
                <c:pt idx="1296">
                  <c:v>1296</c:v>
                </c:pt>
                <c:pt idx="1297">
                  <c:v>1297</c:v>
                </c:pt>
                <c:pt idx="1298">
                  <c:v>1298</c:v>
                </c:pt>
                <c:pt idx="1299">
                  <c:v>1299</c:v>
                </c:pt>
                <c:pt idx="1300">
                  <c:v>1300</c:v>
                </c:pt>
                <c:pt idx="1301">
                  <c:v>1301</c:v>
                </c:pt>
                <c:pt idx="1302">
                  <c:v>1302</c:v>
                </c:pt>
                <c:pt idx="1303">
                  <c:v>1303</c:v>
                </c:pt>
                <c:pt idx="1304">
                  <c:v>1304</c:v>
                </c:pt>
                <c:pt idx="1305">
                  <c:v>1305</c:v>
                </c:pt>
                <c:pt idx="1306">
                  <c:v>1306</c:v>
                </c:pt>
                <c:pt idx="1307">
                  <c:v>1307</c:v>
                </c:pt>
                <c:pt idx="1308">
                  <c:v>1308</c:v>
                </c:pt>
                <c:pt idx="1309">
                  <c:v>1309</c:v>
                </c:pt>
                <c:pt idx="1310">
                  <c:v>1310</c:v>
                </c:pt>
                <c:pt idx="1311">
                  <c:v>1311</c:v>
                </c:pt>
                <c:pt idx="1312">
                  <c:v>1312</c:v>
                </c:pt>
                <c:pt idx="1313">
                  <c:v>1313</c:v>
                </c:pt>
                <c:pt idx="1314">
                  <c:v>1314</c:v>
                </c:pt>
                <c:pt idx="1315">
                  <c:v>1315</c:v>
                </c:pt>
                <c:pt idx="1316">
                  <c:v>1316</c:v>
                </c:pt>
                <c:pt idx="1317">
                  <c:v>1317</c:v>
                </c:pt>
                <c:pt idx="1318">
                  <c:v>1318</c:v>
                </c:pt>
                <c:pt idx="1319">
                  <c:v>1319</c:v>
                </c:pt>
                <c:pt idx="1320">
                  <c:v>1320</c:v>
                </c:pt>
                <c:pt idx="1321">
                  <c:v>1321</c:v>
                </c:pt>
                <c:pt idx="1322">
                  <c:v>1322</c:v>
                </c:pt>
                <c:pt idx="1323">
                  <c:v>1323</c:v>
                </c:pt>
                <c:pt idx="1324">
                  <c:v>1324</c:v>
                </c:pt>
                <c:pt idx="1325">
                  <c:v>1325</c:v>
                </c:pt>
                <c:pt idx="1326">
                  <c:v>1326</c:v>
                </c:pt>
                <c:pt idx="1327">
                  <c:v>1327</c:v>
                </c:pt>
                <c:pt idx="1328">
                  <c:v>1328</c:v>
                </c:pt>
                <c:pt idx="1329">
                  <c:v>1329</c:v>
                </c:pt>
                <c:pt idx="1330">
                  <c:v>1330</c:v>
                </c:pt>
                <c:pt idx="1331">
                  <c:v>1331</c:v>
                </c:pt>
                <c:pt idx="1332">
                  <c:v>1332</c:v>
                </c:pt>
                <c:pt idx="1333">
                  <c:v>1333</c:v>
                </c:pt>
                <c:pt idx="1334">
                  <c:v>1334</c:v>
                </c:pt>
                <c:pt idx="1335">
                  <c:v>1335</c:v>
                </c:pt>
                <c:pt idx="1336">
                  <c:v>1336</c:v>
                </c:pt>
                <c:pt idx="1337">
                  <c:v>1337</c:v>
                </c:pt>
                <c:pt idx="1338">
                  <c:v>1338</c:v>
                </c:pt>
                <c:pt idx="1339">
                  <c:v>1339</c:v>
                </c:pt>
                <c:pt idx="1340">
                  <c:v>1340</c:v>
                </c:pt>
                <c:pt idx="1341">
                  <c:v>1341</c:v>
                </c:pt>
                <c:pt idx="1342">
                  <c:v>1342</c:v>
                </c:pt>
                <c:pt idx="1343">
                  <c:v>1343</c:v>
                </c:pt>
                <c:pt idx="1344">
                  <c:v>1344</c:v>
                </c:pt>
                <c:pt idx="1345">
                  <c:v>1345</c:v>
                </c:pt>
                <c:pt idx="1346">
                  <c:v>1346</c:v>
                </c:pt>
                <c:pt idx="1347">
                  <c:v>1347</c:v>
                </c:pt>
                <c:pt idx="1348">
                  <c:v>1348</c:v>
                </c:pt>
                <c:pt idx="1349">
                  <c:v>1349</c:v>
                </c:pt>
                <c:pt idx="1350">
                  <c:v>1350</c:v>
                </c:pt>
                <c:pt idx="1351">
                  <c:v>1351</c:v>
                </c:pt>
                <c:pt idx="1352">
                  <c:v>1352</c:v>
                </c:pt>
                <c:pt idx="1353">
                  <c:v>1353</c:v>
                </c:pt>
                <c:pt idx="1354">
                  <c:v>1354</c:v>
                </c:pt>
                <c:pt idx="1355">
                  <c:v>1355</c:v>
                </c:pt>
                <c:pt idx="1356">
                  <c:v>1356</c:v>
                </c:pt>
                <c:pt idx="1357">
                  <c:v>1357</c:v>
                </c:pt>
                <c:pt idx="1358">
                  <c:v>1358</c:v>
                </c:pt>
                <c:pt idx="1359">
                  <c:v>1359</c:v>
                </c:pt>
                <c:pt idx="1360">
                  <c:v>1360</c:v>
                </c:pt>
                <c:pt idx="1361">
                  <c:v>1361</c:v>
                </c:pt>
                <c:pt idx="1362">
                  <c:v>1362</c:v>
                </c:pt>
                <c:pt idx="1363">
                  <c:v>1363</c:v>
                </c:pt>
                <c:pt idx="1364">
                  <c:v>1364</c:v>
                </c:pt>
                <c:pt idx="1365">
                  <c:v>1365</c:v>
                </c:pt>
                <c:pt idx="1366">
                  <c:v>1366</c:v>
                </c:pt>
                <c:pt idx="1367">
                  <c:v>1367</c:v>
                </c:pt>
                <c:pt idx="1368">
                  <c:v>1368</c:v>
                </c:pt>
                <c:pt idx="1369">
                  <c:v>1369</c:v>
                </c:pt>
                <c:pt idx="1370">
                  <c:v>1370</c:v>
                </c:pt>
                <c:pt idx="1371">
                  <c:v>1371</c:v>
                </c:pt>
                <c:pt idx="1372">
                  <c:v>1372</c:v>
                </c:pt>
                <c:pt idx="1373">
                  <c:v>1373</c:v>
                </c:pt>
                <c:pt idx="1374">
                  <c:v>1374</c:v>
                </c:pt>
                <c:pt idx="1375">
                  <c:v>1375</c:v>
                </c:pt>
                <c:pt idx="1376">
                  <c:v>1376</c:v>
                </c:pt>
                <c:pt idx="1377">
                  <c:v>1377</c:v>
                </c:pt>
                <c:pt idx="1378">
                  <c:v>1378</c:v>
                </c:pt>
                <c:pt idx="1379">
                  <c:v>1379</c:v>
                </c:pt>
                <c:pt idx="1380">
                  <c:v>1380</c:v>
                </c:pt>
                <c:pt idx="1381">
                  <c:v>1381</c:v>
                </c:pt>
                <c:pt idx="1382">
                  <c:v>1382</c:v>
                </c:pt>
                <c:pt idx="1383">
                  <c:v>1383</c:v>
                </c:pt>
                <c:pt idx="1384">
                  <c:v>1384</c:v>
                </c:pt>
                <c:pt idx="1385">
                  <c:v>1385</c:v>
                </c:pt>
                <c:pt idx="1386">
                  <c:v>1386</c:v>
                </c:pt>
                <c:pt idx="1387">
                  <c:v>1387</c:v>
                </c:pt>
                <c:pt idx="1388">
                  <c:v>1388</c:v>
                </c:pt>
                <c:pt idx="1389">
                  <c:v>1389</c:v>
                </c:pt>
                <c:pt idx="1390">
                  <c:v>1390</c:v>
                </c:pt>
                <c:pt idx="1391">
                  <c:v>1391</c:v>
                </c:pt>
                <c:pt idx="1392">
                  <c:v>1392</c:v>
                </c:pt>
                <c:pt idx="1393">
                  <c:v>1393</c:v>
                </c:pt>
                <c:pt idx="1394">
                  <c:v>1394</c:v>
                </c:pt>
                <c:pt idx="1395">
                  <c:v>1395</c:v>
                </c:pt>
                <c:pt idx="1396">
                  <c:v>1396</c:v>
                </c:pt>
                <c:pt idx="1397">
                  <c:v>1397</c:v>
                </c:pt>
                <c:pt idx="1398">
                  <c:v>1398</c:v>
                </c:pt>
                <c:pt idx="1399">
                  <c:v>1399</c:v>
                </c:pt>
                <c:pt idx="1400">
                  <c:v>1400</c:v>
                </c:pt>
                <c:pt idx="1401">
                  <c:v>1401</c:v>
                </c:pt>
                <c:pt idx="1402">
                  <c:v>1402</c:v>
                </c:pt>
                <c:pt idx="1403">
                  <c:v>1403</c:v>
                </c:pt>
                <c:pt idx="1404">
                  <c:v>1404</c:v>
                </c:pt>
                <c:pt idx="1405">
                  <c:v>1405</c:v>
                </c:pt>
                <c:pt idx="1406">
                  <c:v>1406</c:v>
                </c:pt>
                <c:pt idx="1407">
                  <c:v>1407</c:v>
                </c:pt>
                <c:pt idx="1408">
                  <c:v>1408</c:v>
                </c:pt>
                <c:pt idx="1409">
                  <c:v>1409</c:v>
                </c:pt>
                <c:pt idx="1410">
                  <c:v>1410</c:v>
                </c:pt>
                <c:pt idx="1411">
                  <c:v>1411</c:v>
                </c:pt>
                <c:pt idx="1412">
                  <c:v>1412</c:v>
                </c:pt>
                <c:pt idx="1413">
                  <c:v>1413</c:v>
                </c:pt>
                <c:pt idx="1414">
                  <c:v>1414</c:v>
                </c:pt>
                <c:pt idx="1415">
                  <c:v>1415</c:v>
                </c:pt>
                <c:pt idx="1416">
                  <c:v>1416</c:v>
                </c:pt>
                <c:pt idx="1417">
                  <c:v>1417</c:v>
                </c:pt>
                <c:pt idx="1418">
                  <c:v>1418</c:v>
                </c:pt>
                <c:pt idx="1419">
                  <c:v>1419</c:v>
                </c:pt>
                <c:pt idx="1420">
                  <c:v>1420</c:v>
                </c:pt>
                <c:pt idx="1421">
                  <c:v>1421</c:v>
                </c:pt>
                <c:pt idx="1422">
                  <c:v>1422</c:v>
                </c:pt>
                <c:pt idx="1423">
                  <c:v>1423</c:v>
                </c:pt>
                <c:pt idx="1424">
                  <c:v>1424</c:v>
                </c:pt>
                <c:pt idx="1425">
                  <c:v>1425</c:v>
                </c:pt>
                <c:pt idx="1426">
                  <c:v>1426</c:v>
                </c:pt>
                <c:pt idx="1427">
                  <c:v>1427</c:v>
                </c:pt>
                <c:pt idx="1428">
                  <c:v>1428</c:v>
                </c:pt>
                <c:pt idx="1429">
                  <c:v>1429</c:v>
                </c:pt>
                <c:pt idx="1430">
                  <c:v>1430</c:v>
                </c:pt>
                <c:pt idx="1431">
                  <c:v>1431</c:v>
                </c:pt>
                <c:pt idx="1432">
                  <c:v>1432</c:v>
                </c:pt>
                <c:pt idx="1433">
                  <c:v>1433</c:v>
                </c:pt>
                <c:pt idx="1434">
                  <c:v>1434</c:v>
                </c:pt>
                <c:pt idx="1435">
                  <c:v>1435</c:v>
                </c:pt>
                <c:pt idx="1436">
                  <c:v>1436</c:v>
                </c:pt>
                <c:pt idx="1437">
                  <c:v>1437</c:v>
                </c:pt>
                <c:pt idx="1438">
                  <c:v>1438</c:v>
                </c:pt>
                <c:pt idx="1439">
                  <c:v>1439</c:v>
                </c:pt>
                <c:pt idx="1440">
                  <c:v>1440</c:v>
                </c:pt>
                <c:pt idx="1441">
                  <c:v>1441</c:v>
                </c:pt>
                <c:pt idx="1442">
                  <c:v>1442</c:v>
                </c:pt>
                <c:pt idx="1443">
                  <c:v>1443</c:v>
                </c:pt>
                <c:pt idx="1444">
                  <c:v>1444</c:v>
                </c:pt>
                <c:pt idx="1445">
                  <c:v>1445</c:v>
                </c:pt>
                <c:pt idx="1446">
                  <c:v>1446</c:v>
                </c:pt>
                <c:pt idx="1447">
                  <c:v>1447</c:v>
                </c:pt>
                <c:pt idx="1448">
                  <c:v>1448</c:v>
                </c:pt>
                <c:pt idx="1449">
                  <c:v>1449</c:v>
                </c:pt>
                <c:pt idx="1450">
                  <c:v>1450</c:v>
                </c:pt>
                <c:pt idx="1451">
                  <c:v>1451</c:v>
                </c:pt>
                <c:pt idx="1452">
                  <c:v>1452</c:v>
                </c:pt>
                <c:pt idx="1453">
                  <c:v>1453</c:v>
                </c:pt>
                <c:pt idx="1454">
                  <c:v>1454</c:v>
                </c:pt>
                <c:pt idx="1455">
                  <c:v>1455</c:v>
                </c:pt>
                <c:pt idx="1456">
                  <c:v>1456</c:v>
                </c:pt>
                <c:pt idx="1457">
                  <c:v>1457</c:v>
                </c:pt>
                <c:pt idx="1458">
                  <c:v>1458</c:v>
                </c:pt>
                <c:pt idx="1459">
                  <c:v>1459</c:v>
                </c:pt>
                <c:pt idx="1460">
                  <c:v>1460</c:v>
                </c:pt>
                <c:pt idx="1461">
                  <c:v>1461</c:v>
                </c:pt>
                <c:pt idx="1462">
                  <c:v>1462</c:v>
                </c:pt>
                <c:pt idx="1463">
                  <c:v>1463</c:v>
                </c:pt>
                <c:pt idx="1464">
                  <c:v>1464</c:v>
                </c:pt>
                <c:pt idx="1465">
                  <c:v>1465</c:v>
                </c:pt>
                <c:pt idx="1466">
                  <c:v>1466</c:v>
                </c:pt>
                <c:pt idx="1467">
                  <c:v>1467</c:v>
                </c:pt>
                <c:pt idx="1468">
                  <c:v>1468</c:v>
                </c:pt>
                <c:pt idx="1469">
                  <c:v>1469</c:v>
                </c:pt>
                <c:pt idx="1470">
                  <c:v>1470</c:v>
                </c:pt>
                <c:pt idx="1471">
                  <c:v>1471</c:v>
                </c:pt>
                <c:pt idx="1472">
                  <c:v>1472</c:v>
                </c:pt>
                <c:pt idx="1473">
                  <c:v>1473</c:v>
                </c:pt>
                <c:pt idx="1474">
                  <c:v>1474</c:v>
                </c:pt>
                <c:pt idx="1475">
                  <c:v>1475</c:v>
                </c:pt>
                <c:pt idx="1476">
                  <c:v>1476</c:v>
                </c:pt>
                <c:pt idx="1477">
                  <c:v>1477</c:v>
                </c:pt>
                <c:pt idx="1478">
                  <c:v>1478</c:v>
                </c:pt>
                <c:pt idx="1479">
                  <c:v>1479</c:v>
                </c:pt>
                <c:pt idx="1480">
                  <c:v>1480</c:v>
                </c:pt>
                <c:pt idx="1481">
                  <c:v>1481</c:v>
                </c:pt>
                <c:pt idx="1482">
                  <c:v>1482</c:v>
                </c:pt>
                <c:pt idx="1483">
                  <c:v>1483</c:v>
                </c:pt>
                <c:pt idx="1484">
                  <c:v>1484</c:v>
                </c:pt>
                <c:pt idx="1485">
                  <c:v>1485</c:v>
                </c:pt>
                <c:pt idx="1486">
                  <c:v>1486</c:v>
                </c:pt>
                <c:pt idx="1487">
                  <c:v>1487</c:v>
                </c:pt>
                <c:pt idx="1488">
                  <c:v>1488</c:v>
                </c:pt>
                <c:pt idx="1489">
                  <c:v>1489</c:v>
                </c:pt>
                <c:pt idx="1490">
                  <c:v>1490</c:v>
                </c:pt>
                <c:pt idx="1491">
                  <c:v>1491</c:v>
                </c:pt>
                <c:pt idx="1492">
                  <c:v>1492</c:v>
                </c:pt>
                <c:pt idx="1493">
                  <c:v>1493</c:v>
                </c:pt>
                <c:pt idx="1494">
                  <c:v>1494</c:v>
                </c:pt>
                <c:pt idx="1495">
                  <c:v>1495</c:v>
                </c:pt>
                <c:pt idx="1496">
                  <c:v>1496</c:v>
                </c:pt>
                <c:pt idx="1497">
                  <c:v>1497</c:v>
                </c:pt>
                <c:pt idx="1498">
                  <c:v>1498</c:v>
                </c:pt>
                <c:pt idx="1499">
                  <c:v>1499</c:v>
                </c:pt>
                <c:pt idx="1500">
                  <c:v>1500</c:v>
                </c:pt>
                <c:pt idx="1501">
                  <c:v>1501</c:v>
                </c:pt>
                <c:pt idx="1502">
                  <c:v>1502</c:v>
                </c:pt>
                <c:pt idx="1503">
                  <c:v>1503</c:v>
                </c:pt>
                <c:pt idx="1504">
                  <c:v>1504</c:v>
                </c:pt>
                <c:pt idx="1505">
                  <c:v>1505</c:v>
                </c:pt>
                <c:pt idx="1506">
                  <c:v>1506</c:v>
                </c:pt>
                <c:pt idx="1507">
                  <c:v>1507</c:v>
                </c:pt>
                <c:pt idx="1508">
                  <c:v>1508</c:v>
                </c:pt>
                <c:pt idx="1509">
                  <c:v>1509</c:v>
                </c:pt>
                <c:pt idx="1510">
                  <c:v>1510</c:v>
                </c:pt>
                <c:pt idx="1511">
                  <c:v>1511</c:v>
                </c:pt>
                <c:pt idx="1512">
                  <c:v>1512</c:v>
                </c:pt>
                <c:pt idx="1513">
                  <c:v>1513</c:v>
                </c:pt>
                <c:pt idx="1514">
                  <c:v>1514</c:v>
                </c:pt>
                <c:pt idx="1515">
                  <c:v>1515</c:v>
                </c:pt>
                <c:pt idx="1516">
                  <c:v>1516</c:v>
                </c:pt>
                <c:pt idx="1517">
                  <c:v>1517</c:v>
                </c:pt>
                <c:pt idx="1518">
                  <c:v>1518</c:v>
                </c:pt>
                <c:pt idx="1519">
                  <c:v>1519</c:v>
                </c:pt>
                <c:pt idx="1520">
                  <c:v>1520</c:v>
                </c:pt>
                <c:pt idx="1521">
                  <c:v>1521</c:v>
                </c:pt>
                <c:pt idx="1522">
                  <c:v>1522</c:v>
                </c:pt>
                <c:pt idx="1523">
                  <c:v>1523</c:v>
                </c:pt>
                <c:pt idx="1524">
                  <c:v>1524</c:v>
                </c:pt>
                <c:pt idx="1525">
                  <c:v>1525</c:v>
                </c:pt>
                <c:pt idx="1526">
                  <c:v>1526</c:v>
                </c:pt>
                <c:pt idx="1527">
                  <c:v>1527</c:v>
                </c:pt>
                <c:pt idx="1528">
                  <c:v>1528</c:v>
                </c:pt>
                <c:pt idx="1529">
                  <c:v>1529</c:v>
                </c:pt>
                <c:pt idx="1530">
                  <c:v>1530</c:v>
                </c:pt>
                <c:pt idx="1531">
                  <c:v>1531</c:v>
                </c:pt>
                <c:pt idx="1532">
                  <c:v>1532</c:v>
                </c:pt>
                <c:pt idx="1533">
                  <c:v>1533</c:v>
                </c:pt>
                <c:pt idx="1534">
                  <c:v>1534</c:v>
                </c:pt>
                <c:pt idx="1535">
                  <c:v>1535</c:v>
                </c:pt>
                <c:pt idx="1536">
                  <c:v>1536</c:v>
                </c:pt>
                <c:pt idx="1537">
                  <c:v>1537</c:v>
                </c:pt>
                <c:pt idx="1538">
                  <c:v>1538</c:v>
                </c:pt>
                <c:pt idx="1539">
                  <c:v>1539</c:v>
                </c:pt>
                <c:pt idx="1540">
                  <c:v>1540</c:v>
                </c:pt>
                <c:pt idx="1541">
                  <c:v>1541</c:v>
                </c:pt>
                <c:pt idx="1542">
                  <c:v>1542</c:v>
                </c:pt>
                <c:pt idx="1543">
                  <c:v>1543</c:v>
                </c:pt>
                <c:pt idx="1544">
                  <c:v>1544</c:v>
                </c:pt>
                <c:pt idx="1545">
                  <c:v>1545</c:v>
                </c:pt>
                <c:pt idx="1546">
                  <c:v>1546</c:v>
                </c:pt>
                <c:pt idx="1547">
                  <c:v>1547</c:v>
                </c:pt>
                <c:pt idx="1548">
                  <c:v>1548</c:v>
                </c:pt>
                <c:pt idx="1549">
                  <c:v>1549</c:v>
                </c:pt>
                <c:pt idx="1550">
                  <c:v>1550</c:v>
                </c:pt>
                <c:pt idx="1551">
                  <c:v>1551</c:v>
                </c:pt>
                <c:pt idx="1552">
                  <c:v>1552</c:v>
                </c:pt>
                <c:pt idx="1553">
                  <c:v>1553</c:v>
                </c:pt>
                <c:pt idx="1554">
                  <c:v>1554</c:v>
                </c:pt>
                <c:pt idx="1555">
                  <c:v>1555</c:v>
                </c:pt>
                <c:pt idx="1556">
                  <c:v>1556</c:v>
                </c:pt>
                <c:pt idx="1557">
                  <c:v>1557</c:v>
                </c:pt>
                <c:pt idx="1558">
                  <c:v>1558</c:v>
                </c:pt>
                <c:pt idx="1559">
                  <c:v>1559</c:v>
                </c:pt>
                <c:pt idx="1560">
                  <c:v>1560</c:v>
                </c:pt>
                <c:pt idx="1561">
                  <c:v>1561</c:v>
                </c:pt>
                <c:pt idx="1562">
                  <c:v>1562</c:v>
                </c:pt>
                <c:pt idx="1563">
                  <c:v>1563</c:v>
                </c:pt>
                <c:pt idx="1564">
                  <c:v>1564</c:v>
                </c:pt>
                <c:pt idx="1565">
                  <c:v>1565</c:v>
                </c:pt>
                <c:pt idx="1566">
                  <c:v>1566</c:v>
                </c:pt>
                <c:pt idx="1567">
                  <c:v>1567</c:v>
                </c:pt>
                <c:pt idx="1568">
                  <c:v>1568</c:v>
                </c:pt>
                <c:pt idx="1569">
                  <c:v>1569</c:v>
                </c:pt>
                <c:pt idx="1570">
                  <c:v>1570</c:v>
                </c:pt>
                <c:pt idx="1571">
                  <c:v>1571</c:v>
                </c:pt>
                <c:pt idx="1572">
                  <c:v>1572</c:v>
                </c:pt>
                <c:pt idx="1573">
                  <c:v>1573</c:v>
                </c:pt>
                <c:pt idx="1574">
                  <c:v>1574</c:v>
                </c:pt>
                <c:pt idx="1575">
                  <c:v>1575</c:v>
                </c:pt>
                <c:pt idx="1576">
                  <c:v>1576</c:v>
                </c:pt>
                <c:pt idx="1577">
                  <c:v>1577</c:v>
                </c:pt>
                <c:pt idx="1578">
                  <c:v>1578</c:v>
                </c:pt>
                <c:pt idx="1579">
                  <c:v>1579</c:v>
                </c:pt>
                <c:pt idx="1580">
                  <c:v>1580</c:v>
                </c:pt>
                <c:pt idx="1581">
                  <c:v>1581</c:v>
                </c:pt>
                <c:pt idx="1582">
                  <c:v>1582</c:v>
                </c:pt>
                <c:pt idx="1583">
                  <c:v>1583</c:v>
                </c:pt>
                <c:pt idx="1584">
                  <c:v>1584</c:v>
                </c:pt>
                <c:pt idx="1585">
                  <c:v>1585</c:v>
                </c:pt>
                <c:pt idx="1586">
                  <c:v>1586</c:v>
                </c:pt>
                <c:pt idx="1587">
                  <c:v>1587</c:v>
                </c:pt>
                <c:pt idx="1588">
                  <c:v>1588</c:v>
                </c:pt>
                <c:pt idx="1589">
                  <c:v>1589</c:v>
                </c:pt>
                <c:pt idx="1590">
                  <c:v>1590</c:v>
                </c:pt>
                <c:pt idx="1591">
                  <c:v>1591</c:v>
                </c:pt>
                <c:pt idx="1592">
                  <c:v>1592</c:v>
                </c:pt>
                <c:pt idx="1593">
                  <c:v>1593</c:v>
                </c:pt>
                <c:pt idx="1594">
                  <c:v>1594</c:v>
                </c:pt>
                <c:pt idx="1595">
                  <c:v>1595</c:v>
                </c:pt>
                <c:pt idx="1596">
                  <c:v>1596</c:v>
                </c:pt>
                <c:pt idx="1597">
                  <c:v>1597</c:v>
                </c:pt>
                <c:pt idx="1598">
                  <c:v>1598</c:v>
                </c:pt>
                <c:pt idx="1599">
                  <c:v>1599</c:v>
                </c:pt>
                <c:pt idx="1600">
                  <c:v>1600</c:v>
                </c:pt>
                <c:pt idx="1601">
                  <c:v>1601</c:v>
                </c:pt>
                <c:pt idx="1602">
                  <c:v>1602</c:v>
                </c:pt>
                <c:pt idx="1603">
                  <c:v>1603</c:v>
                </c:pt>
                <c:pt idx="1604">
                  <c:v>1604</c:v>
                </c:pt>
                <c:pt idx="1605">
                  <c:v>1605</c:v>
                </c:pt>
                <c:pt idx="1606">
                  <c:v>1606</c:v>
                </c:pt>
                <c:pt idx="1607">
                  <c:v>1607</c:v>
                </c:pt>
                <c:pt idx="1608">
                  <c:v>1608</c:v>
                </c:pt>
                <c:pt idx="1609">
                  <c:v>1609</c:v>
                </c:pt>
                <c:pt idx="1610">
                  <c:v>1610</c:v>
                </c:pt>
                <c:pt idx="1611">
                  <c:v>1611</c:v>
                </c:pt>
                <c:pt idx="1612">
                  <c:v>1612</c:v>
                </c:pt>
                <c:pt idx="1613">
                  <c:v>1613</c:v>
                </c:pt>
                <c:pt idx="1614">
                  <c:v>1614</c:v>
                </c:pt>
                <c:pt idx="1615">
                  <c:v>1615</c:v>
                </c:pt>
                <c:pt idx="1616">
                  <c:v>1616</c:v>
                </c:pt>
                <c:pt idx="1617">
                  <c:v>1617</c:v>
                </c:pt>
                <c:pt idx="1618">
                  <c:v>1618</c:v>
                </c:pt>
                <c:pt idx="1619">
                  <c:v>1619</c:v>
                </c:pt>
                <c:pt idx="1620">
                  <c:v>1620</c:v>
                </c:pt>
                <c:pt idx="1621">
                  <c:v>1621</c:v>
                </c:pt>
                <c:pt idx="1622">
                  <c:v>1622</c:v>
                </c:pt>
                <c:pt idx="1623">
                  <c:v>1623</c:v>
                </c:pt>
                <c:pt idx="1624">
                  <c:v>1624</c:v>
                </c:pt>
                <c:pt idx="1625">
                  <c:v>1625</c:v>
                </c:pt>
                <c:pt idx="1626">
                  <c:v>1626</c:v>
                </c:pt>
                <c:pt idx="1627">
                  <c:v>1627</c:v>
                </c:pt>
                <c:pt idx="1628">
                  <c:v>1628</c:v>
                </c:pt>
                <c:pt idx="1629">
                  <c:v>1629</c:v>
                </c:pt>
                <c:pt idx="1630">
                  <c:v>1630</c:v>
                </c:pt>
                <c:pt idx="1631">
                  <c:v>1631</c:v>
                </c:pt>
                <c:pt idx="1632">
                  <c:v>1632</c:v>
                </c:pt>
                <c:pt idx="1633">
                  <c:v>1633</c:v>
                </c:pt>
                <c:pt idx="1634">
                  <c:v>1634</c:v>
                </c:pt>
                <c:pt idx="1635">
                  <c:v>1635</c:v>
                </c:pt>
                <c:pt idx="1636">
                  <c:v>1636</c:v>
                </c:pt>
                <c:pt idx="1637">
                  <c:v>1637</c:v>
                </c:pt>
                <c:pt idx="1638">
                  <c:v>1638</c:v>
                </c:pt>
                <c:pt idx="1639">
                  <c:v>1639</c:v>
                </c:pt>
                <c:pt idx="1640">
                  <c:v>1640</c:v>
                </c:pt>
                <c:pt idx="1641">
                  <c:v>1641</c:v>
                </c:pt>
                <c:pt idx="1642">
                  <c:v>1642</c:v>
                </c:pt>
                <c:pt idx="1643">
                  <c:v>1643</c:v>
                </c:pt>
                <c:pt idx="1644">
                  <c:v>1644</c:v>
                </c:pt>
                <c:pt idx="1645">
                  <c:v>1645</c:v>
                </c:pt>
                <c:pt idx="1646">
                  <c:v>1646</c:v>
                </c:pt>
                <c:pt idx="1647">
                  <c:v>1647</c:v>
                </c:pt>
                <c:pt idx="1648">
                  <c:v>1648</c:v>
                </c:pt>
                <c:pt idx="1649">
                  <c:v>1649</c:v>
                </c:pt>
                <c:pt idx="1650">
                  <c:v>1650</c:v>
                </c:pt>
                <c:pt idx="1651">
                  <c:v>1651</c:v>
                </c:pt>
                <c:pt idx="1652">
                  <c:v>1652</c:v>
                </c:pt>
                <c:pt idx="1653">
                  <c:v>1653</c:v>
                </c:pt>
                <c:pt idx="1654">
                  <c:v>1654</c:v>
                </c:pt>
                <c:pt idx="1655">
                  <c:v>1655</c:v>
                </c:pt>
                <c:pt idx="1656">
                  <c:v>1656</c:v>
                </c:pt>
                <c:pt idx="1657">
                  <c:v>1657</c:v>
                </c:pt>
                <c:pt idx="1658">
                  <c:v>1658</c:v>
                </c:pt>
                <c:pt idx="1659">
                  <c:v>1659</c:v>
                </c:pt>
                <c:pt idx="1660">
                  <c:v>1660</c:v>
                </c:pt>
                <c:pt idx="1661">
                  <c:v>1661</c:v>
                </c:pt>
                <c:pt idx="1662">
                  <c:v>1662</c:v>
                </c:pt>
                <c:pt idx="1663">
                  <c:v>1663</c:v>
                </c:pt>
                <c:pt idx="1664">
                  <c:v>1664</c:v>
                </c:pt>
                <c:pt idx="1665">
                  <c:v>1665</c:v>
                </c:pt>
                <c:pt idx="1666">
                  <c:v>1666</c:v>
                </c:pt>
                <c:pt idx="1667">
                  <c:v>1667</c:v>
                </c:pt>
                <c:pt idx="1668">
                  <c:v>1668</c:v>
                </c:pt>
                <c:pt idx="1669">
                  <c:v>1669</c:v>
                </c:pt>
                <c:pt idx="1670">
                  <c:v>1670</c:v>
                </c:pt>
                <c:pt idx="1671">
                  <c:v>1671</c:v>
                </c:pt>
                <c:pt idx="1672">
                  <c:v>1672</c:v>
                </c:pt>
                <c:pt idx="1673">
                  <c:v>1673</c:v>
                </c:pt>
                <c:pt idx="1674">
                  <c:v>1674</c:v>
                </c:pt>
                <c:pt idx="1675">
                  <c:v>1675</c:v>
                </c:pt>
                <c:pt idx="1676">
                  <c:v>1676</c:v>
                </c:pt>
                <c:pt idx="1677">
                  <c:v>1677</c:v>
                </c:pt>
                <c:pt idx="1678">
                  <c:v>1678</c:v>
                </c:pt>
                <c:pt idx="1679">
                  <c:v>1679</c:v>
                </c:pt>
                <c:pt idx="1680">
                  <c:v>1680</c:v>
                </c:pt>
                <c:pt idx="1681">
                  <c:v>1681</c:v>
                </c:pt>
                <c:pt idx="1682">
                  <c:v>1682</c:v>
                </c:pt>
                <c:pt idx="1683">
                  <c:v>1683</c:v>
                </c:pt>
                <c:pt idx="1684">
                  <c:v>1684</c:v>
                </c:pt>
                <c:pt idx="1685">
                  <c:v>1685</c:v>
                </c:pt>
                <c:pt idx="1686">
                  <c:v>1686</c:v>
                </c:pt>
                <c:pt idx="1687">
                  <c:v>1687</c:v>
                </c:pt>
                <c:pt idx="1688">
                  <c:v>1688</c:v>
                </c:pt>
                <c:pt idx="1689">
                  <c:v>1689</c:v>
                </c:pt>
                <c:pt idx="1690">
                  <c:v>1690</c:v>
                </c:pt>
                <c:pt idx="1691">
                  <c:v>1691</c:v>
                </c:pt>
                <c:pt idx="1692">
                  <c:v>1692</c:v>
                </c:pt>
                <c:pt idx="1693">
                  <c:v>1693</c:v>
                </c:pt>
                <c:pt idx="1694">
                  <c:v>1694</c:v>
                </c:pt>
                <c:pt idx="1695">
                  <c:v>1695</c:v>
                </c:pt>
                <c:pt idx="1696">
                  <c:v>1696</c:v>
                </c:pt>
                <c:pt idx="1697">
                  <c:v>1697</c:v>
                </c:pt>
                <c:pt idx="1698">
                  <c:v>1698</c:v>
                </c:pt>
                <c:pt idx="1699">
                  <c:v>1699</c:v>
                </c:pt>
                <c:pt idx="1700">
                  <c:v>1700</c:v>
                </c:pt>
                <c:pt idx="1701">
                  <c:v>1701</c:v>
                </c:pt>
                <c:pt idx="1702">
                  <c:v>1702</c:v>
                </c:pt>
                <c:pt idx="1703">
                  <c:v>1703</c:v>
                </c:pt>
                <c:pt idx="1704">
                  <c:v>1704</c:v>
                </c:pt>
                <c:pt idx="1705">
                  <c:v>1705</c:v>
                </c:pt>
                <c:pt idx="1706">
                  <c:v>1706</c:v>
                </c:pt>
                <c:pt idx="1707">
                  <c:v>1707</c:v>
                </c:pt>
                <c:pt idx="1708">
                  <c:v>1708</c:v>
                </c:pt>
                <c:pt idx="1709">
                  <c:v>1709</c:v>
                </c:pt>
                <c:pt idx="1710">
                  <c:v>1710</c:v>
                </c:pt>
                <c:pt idx="1711">
                  <c:v>1711</c:v>
                </c:pt>
                <c:pt idx="1712">
                  <c:v>1712</c:v>
                </c:pt>
                <c:pt idx="1713">
                  <c:v>1713</c:v>
                </c:pt>
                <c:pt idx="1714">
                  <c:v>1714</c:v>
                </c:pt>
                <c:pt idx="1715">
                  <c:v>1715</c:v>
                </c:pt>
                <c:pt idx="1716">
                  <c:v>1716</c:v>
                </c:pt>
                <c:pt idx="1717">
                  <c:v>1717</c:v>
                </c:pt>
                <c:pt idx="1718">
                  <c:v>1718</c:v>
                </c:pt>
                <c:pt idx="1719">
                  <c:v>1719</c:v>
                </c:pt>
                <c:pt idx="1720">
                  <c:v>1720</c:v>
                </c:pt>
                <c:pt idx="1721">
                  <c:v>1721</c:v>
                </c:pt>
                <c:pt idx="1722">
                  <c:v>1722</c:v>
                </c:pt>
                <c:pt idx="1723">
                  <c:v>1723</c:v>
                </c:pt>
                <c:pt idx="1724">
                  <c:v>1724</c:v>
                </c:pt>
                <c:pt idx="1725">
                  <c:v>1725</c:v>
                </c:pt>
                <c:pt idx="1726">
                  <c:v>1726</c:v>
                </c:pt>
                <c:pt idx="1727">
                  <c:v>1727</c:v>
                </c:pt>
                <c:pt idx="1728">
                  <c:v>1728</c:v>
                </c:pt>
                <c:pt idx="1729">
                  <c:v>1729</c:v>
                </c:pt>
                <c:pt idx="1730">
                  <c:v>1730</c:v>
                </c:pt>
                <c:pt idx="1731">
                  <c:v>1731</c:v>
                </c:pt>
                <c:pt idx="1732">
                  <c:v>1732</c:v>
                </c:pt>
                <c:pt idx="1733">
                  <c:v>1733</c:v>
                </c:pt>
                <c:pt idx="1734">
                  <c:v>1734</c:v>
                </c:pt>
                <c:pt idx="1735">
                  <c:v>1735</c:v>
                </c:pt>
                <c:pt idx="1736">
                  <c:v>1736</c:v>
                </c:pt>
                <c:pt idx="1737">
                  <c:v>1737</c:v>
                </c:pt>
                <c:pt idx="1738">
                  <c:v>1738</c:v>
                </c:pt>
                <c:pt idx="1739">
                  <c:v>1739</c:v>
                </c:pt>
                <c:pt idx="1740">
                  <c:v>1740</c:v>
                </c:pt>
                <c:pt idx="1741">
                  <c:v>1741</c:v>
                </c:pt>
                <c:pt idx="1742">
                  <c:v>1742</c:v>
                </c:pt>
                <c:pt idx="1743">
                  <c:v>1743</c:v>
                </c:pt>
                <c:pt idx="1744">
                  <c:v>1744</c:v>
                </c:pt>
                <c:pt idx="1745">
                  <c:v>1745</c:v>
                </c:pt>
                <c:pt idx="1746">
                  <c:v>1746</c:v>
                </c:pt>
                <c:pt idx="1747">
                  <c:v>1747</c:v>
                </c:pt>
                <c:pt idx="1748">
                  <c:v>1748</c:v>
                </c:pt>
                <c:pt idx="1749">
                  <c:v>1749</c:v>
                </c:pt>
                <c:pt idx="1750">
                  <c:v>1750</c:v>
                </c:pt>
                <c:pt idx="1751">
                  <c:v>1751</c:v>
                </c:pt>
                <c:pt idx="1752">
                  <c:v>1752</c:v>
                </c:pt>
                <c:pt idx="1753">
                  <c:v>1753</c:v>
                </c:pt>
                <c:pt idx="1754">
                  <c:v>1754</c:v>
                </c:pt>
                <c:pt idx="1755">
                  <c:v>1755</c:v>
                </c:pt>
                <c:pt idx="1756">
                  <c:v>1756</c:v>
                </c:pt>
                <c:pt idx="1757">
                  <c:v>1757</c:v>
                </c:pt>
                <c:pt idx="1758">
                  <c:v>1758</c:v>
                </c:pt>
                <c:pt idx="1759">
                  <c:v>1759</c:v>
                </c:pt>
                <c:pt idx="1760">
                  <c:v>1760</c:v>
                </c:pt>
                <c:pt idx="1761">
                  <c:v>1761</c:v>
                </c:pt>
                <c:pt idx="1762">
                  <c:v>1762</c:v>
                </c:pt>
                <c:pt idx="1763">
                  <c:v>1763</c:v>
                </c:pt>
                <c:pt idx="1764">
                  <c:v>1764</c:v>
                </c:pt>
                <c:pt idx="1765">
                  <c:v>1765</c:v>
                </c:pt>
                <c:pt idx="1766">
                  <c:v>1766</c:v>
                </c:pt>
                <c:pt idx="1767">
                  <c:v>1767</c:v>
                </c:pt>
                <c:pt idx="1768">
                  <c:v>1768</c:v>
                </c:pt>
                <c:pt idx="1769">
                  <c:v>1769</c:v>
                </c:pt>
                <c:pt idx="1770">
                  <c:v>1770</c:v>
                </c:pt>
                <c:pt idx="1771">
                  <c:v>1771</c:v>
                </c:pt>
                <c:pt idx="1772">
                  <c:v>1772</c:v>
                </c:pt>
                <c:pt idx="1773">
                  <c:v>1773</c:v>
                </c:pt>
                <c:pt idx="1774">
                  <c:v>1774</c:v>
                </c:pt>
                <c:pt idx="1775">
                  <c:v>1775</c:v>
                </c:pt>
                <c:pt idx="1776">
                  <c:v>1776</c:v>
                </c:pt>
                <c:pt idx="1777">
                  <c:v>1777</c:v>
                </c:pt>
                <c:pt idx="1778">
                  <c:v>1778</c:v>
                </c:pt>
                <c:pt idx="1779">
                  <c:v>1779</c:v>
                </c:pt>
                <c:pt idx="1780">
                  <c:v>1780</c:v>
                </c:pt>
                <c:pt idx="1781">
                  <c:v>1781</c:v>
                </c:pt>
                <c:pt idx="1782">
                  <c:v>1782</c:v>
                </c:pt>
                <c:pt idx="1783">
                  <c:v>1783</c:v>
                </c:pt>
                <c:pt idx="1784">
                  <c:v>1784</c:v>
                </c:pt>
                <c:pt idx="1785">
                  <c:v>1785</c:v>
                </c:pt>
                <c:pt idx="1786">
                  <c:v>1786</c:v>
                </c:pt>
                <c:pt idx="1787">
                  <c:v>1787</c:v>
                </c:pt>
                <c:pt idx="1788">
                  <c:v>1788</c:v>
                </c:pt>
                <c:pt idx="1789">
                  <c:v>1789</c:v>
                </c:pt>
                <c:pt idx="1790">
                  <c:v>1790</c:v>
                </c:pt>
                <c:pt idx="1791">
                  <c:v>1791</c:v>
                </c:pt>
                <c:pt idx="1792">
                  <c:v>1792</c:v>
                </c:pt>
                <c:pt idx="1793">
                  <c:v>1793</c:v>
                </c:pt>
                <c:pt idx="1794">
                  <c:v>1794</c:v>
                </c:pt>
                <c:pt idx="1795">
                  <c:v>1795</c:v>
                </c:pt>
                <c:pt idx="1796">
                  <c:v>1796</c:v>
                </c:pt>
                <c:pt idx="1797">
                  <c:v>1797</c:v>
                </c:pt>
                <c:pt idx="1798">
                  <c:v>1798</c:v>
                </c:pt>
                <c:pt idx="1799">
                  <c:v>1799</c:v>
                </c:pt>
              </c:numCache>
            </c:numRef>
          </c:xVal>
          <c:yVal>
            <c:numRef>
              <c:f>'30Inside'!$C$2:$C$1801</c:f>
              <c:numCache>
                <c:formatCode>General</c:formatCode>
                <c:ptCount val="1800"/>
                <c:pt idx="0">
                  <c:v>8.1999999999999993</c:v>
                </c:pt>
                <c:pt idx="1">
                  <c:v>8.6</c:v>
                </c:pt>
                <c:pt idx="2">
                  <c:v>8.5</c:v>
                </c:pt>
                <c:pt idx="3">
                  <c:v>8.6999999999999993</c:v>
                </c:pt>
                <c:pt idx="4">
                  <c:v>8.4</c:v>
                </c:pt>
                <c:pt idx="5">
                  <c:v>8.5</c:v>
                </c:pt>
                <c:pt idx="6">
                  <c:v>8.6</c:v>
                </c:pt>
                <c:pt idx="7">
                  <c:v>8.5</c:v>
                </c:pt>
                <c:pt idx="8">
                  <c:v>8.9</c:v>
                </c:pt>
                <c:pt idx="9">
                  <c:v>8.8000000000000007</c:v>
                </c:pt>
                <c:pt idx="10">
                  <c:v>9</c:v>
                </c:pt>
                <c:pt idx="11">
                  <c:v>8.6</c:v>
                </c:pt>
                <c:pt idx="12">
                  <c:v>9.1</c:v>
                </c:pt>
                <c:pt idx="13">
                  <c:v>8.8000000000000007</c:v>
                </c:pt>
                <c:pt idx="14">
                  <c:v>8.8000000000000007</c:v>
                </c:pt>
                <c:pt idx="15">
                  <c:v>9</c:v>
                </c:pt>
                <c:pt idx="16">
                  <c:v>8.8000000000000007</c:v>
                </c:pt>
                <c:pt idx="17">
                  <c:v>9</c:v>
                </c:pt>
                <c:pt idx="18">
                  <c:v>8.8000000000000007</c:v>
                </c:pt>
                <c:pt idx="19">
                  <c:v>9.3000000000000007</c:v>
                </c:pt>
                <c:pt idx="20">
                  <c:v>9.1</c:v>
                </c:pt>
                <c:pt idx="21">
                  <c:v>9.1</c:v>
                </c:pt>
                <c:pt idx="22">
                  <c:v>9.3000000000000007</c:v>
                </c:pt>
                <c:pt idx="23">
                  <c:v>9.5</c:v>
                </c:pt>
                <c:pt idx="24">
                  <c:v>9.3000000000000007</c:v>
                </c:pt>
                <c:pt idx="25">
                  <c:v>9.8000000000000007</c:v>
                </c:pt>
                <c:pt idx="26">
                  <c:v>9.3000000000000007</c:v>
                </c:pt>
                <c:pt idx="27">
                  <c:v>9.1</c:v>
                </c:pt>
                <c:pt idx="28">
                  <c:v>9.3000000000000007</c:v>
                </c:pt>
                <c:pt idx="29">
                  <c:v>9.6</c:v>
                </c:pt>
                <c:pt idx="30">
                  <c:v>9.6999999999999993</c:v>
                </c:pt>
                <c:pt idx="31">
                  <c:v>9.8000000000000007</c:v>
                </c:pt>
                <c:pt idx="32">
                  <c:v>9.9</c:v>
                </c:pt>
                <c:pt idx="33">
                  <c:v>9.6</c:v>
                </c:pt>
                <c:pt idx="34">
                  <c:v>9.5</c:v>
                </c:pt>
                <c:pt idx="35">
                  <c:v>9.8000000000000007</c:v>
                </c:pt>
                <c:pt idx="36">
                  <c:v>9.6</c:v>
                </c:pt>
                <c:pt idx="37">
                  <c:v>9.9</c:v>
                </c:pt>
                <c:pt idx="38">
                  <c:v>9.9</c:v>
                </c:pt>
                <c:pt idx="39">
                  <c:v>10.199999999999999</c:v>
                </c:pt>
                <c:pt idx="40">
                  <c:v>9.9</c:v>
                </c:pt>
                <c:pt idx="41">
                  <c:v>9.8000000000000007</c:v>
                </c:pt>
                <c:pt idx="42">
                  <c:v>9.8000000000000007</c:v>
                </c:pt>
                <c:pt idx="43">
                  <c:v>10.1</c:v>
                </c:pt>
                <c:pt idx="44">
                  <c:v>10.1</c:v>
                </c:pt>
                <c:pt idx="45">
                  <c:v>10.1</c:v>
                </c:pt>
                <c:pt idx="46">
                  <c:v>10.1</c:v>
                </c:pt>
                <c:pt idx="47">
                  <c:v>10.1</c:v>
                </c:pt>
                <c:pt idx="48">
                  <c:v>10.3</c:v>
                </c:pt>
                <c:pt idx="49">
                  <c:v>10.5</c:v>
                </c:pt>
                <c:pt idx="50">
                  <c:v>10.4</c:v>
                </c:pt>
                <c:pt idx="51">
                  <c:v>10.3</c:v>
                </c:pt>
                <c:pt idx="52">
                  <c:v>10.4</c:v>
                </c:pt>
                <c:pt idx="53">
                  <c:v>10.5</c:v>
                </c:pt>
                <c:pt idx="54">
                  <c:v>10.5</c:v>
                </c:pt>
                <c:pt idx="55">
                  <c:v>10.5</c:v>
                </c:pt>
                <c:pt idx="56">
                  <c:v>10.6</c:v>
                </c:pt>
                <c:pt idx="57">
                  <c:v>10.4</c:v>
                </c:pt>
                <c:pt idx="58">
                  <c:v>10.8</c:v>
                </c:pt>
                <c:pt idx="59">
                  <c:v>10.8</c:v>
                </c:pt>
                <c:pt idx="60">
                  <c:v>10.6</c:v>
                </c:pt>
                <c:pt idx="61">
                  <c:v>10.9</c:v>
                </c:pt>
                <c:pt idx="62">
                  <c:v>10.6</c:v>
                </c:pt>
                <c:pt idx="63">
                  <c:v>11.3</c:v>
                </c:pt>
                <c:pt idx="64">
                  <c:v>10.9</c:v>
                </c:pt>
                <c:pt idx="65">
                  <c:v>11.2</c:v>
                </c:pt>
                <c:pt idx="66">
                  <c:v>11.2</c:v>
                </c:pt>
                <c:pt idx="67">
                  <c:v>11</c:v>
                </c:pt>
                <c:pt idx="68">
                  <c:v>11</c:v>
                </c:pt>
                <c:pt idx="69">
                  <c:v>10.8</c:v>
                </c:pt>
                <c:pt idx="70">
                  <c:v>10.9</c:v>
                </c:pt>
                <c:pt idx="71">
                  <c:v>11.3</c:v>
                </c:pt>
                <c:pt idx="72">
                  <c:v>11.2</c:v>
                </c:pt>
                <c:pt idx="73">
                  <c:v>11.2</c:v>
                </c:pt>
                <c:pt idx="74">
                  <c:v>11</c:v>
                </c:pt>
                <c:pt idx="75">
                  <c:v>11.4</c:v>
                </c:pt>
                <c:pt idx="76">
                  <c:v>11.5</c:v>
                </c:pt>
                <c:pt idx="77">
                  <c:v>11.3</c:v>
                </c:pt>
                <c:pt idx="78">
                  <c:v>11.7</c:v>
                </c:pt>
                <c:pt idx="79">
                  <c:v>11.3</c:v>
                </c:pt>
                <c:pt idx="80">
                  <c:v>11.7</c:v>
                </c:pt>
                <c:pt idx="81">
                  <c:v>11.3</c:v>
                </c:pt>
                <c:pt idx="82">
                  <c:v>11.5</c:v>
                </c:pt>
                <c:pt idx="83">
                  <c:v>11.7</c:v>
                </c:pt>
                <c:pt idx="84">
                  <c:v>11.5</c:v>
                </c:pt>
                <c:pt idx="85">
                  <c:v>11.6</c:v>
                </c:pt>
                <c:pt idx="86">
                  <c:v>11.5</c:v>
                </c:pt>
                <c:pt idx="87">
                  <c:v>11.9</c:v>
                </c:pt>
                <c:pt idx="88">
                  <c:v>11.8</c:v>
                </c:pt>
                <c:pt idx="89">
                  <c:v>11.9</c:v>
                </c:pt>
                <c:pt idx="90">
                  <c:v>11.9</c:v>
                </c:pt>
                <c:pt idx="91">
                  <c:v>11.7</c:v>
                </c:pt>
                <c:pt idx="92">
                  <c:v>11.8</c:v>
                </c:pt>
                <c:pt idx="93">
                  <c:v>11.9</c:v>
                </c:pt>
                <c:pt idx="94">
                  <c:v>12.1</c:v>
                </c:pt>
                <c:pt idx="95">
                  <c:v>11.9</c:v>
                </c:pt>
                <c:pt idx="96">
                  <c:v>11.7</c:v>
                </c:pt>
                <c:pt idx="97">
                  <c:v>12.1</c:v>
                </c:pt>
                <c:pt idx="98">
                  <c:v>11.9</c:v>
                </c:pt>
                <c:pt idx="99">
                  <c:v>12</c:v>
                </c:pt>
                <c:pt idx="100">
                  <c:v>12</c:v>
                </c:pt>
                <c:pt idx="101">
                  <c:v>12.1</c:v>
                </c:pt>
                <c:pt idx="102">
                  <c:v>11.9</c:v>
                </c:pt>
                <c:pt idx="103">
                  <c:v>12</c:v>
                </c:pt>
                <c:pt idx="104">
                  <c:v>12.1</c:v>
                </c:pt>
                <c:pt idx="105">
                  <c:v>12.2</c:v>
                </c:pt>
                <c:pt idx="106">
                  <c:v>12.2</c:v>
                </c:pt>
                <c:pt idx="107">
                  <c:v>11.9</c:v>
                </c:pt>
                <c:pt idx="108">
                  <c:v>12.6</c:v>
                </c:pt>
                <c:pt idx="109">
                  <c:v>12.3</c:v>
                </c:pt>
                <c:pt idx="110">
                  <c:v>12.3</c:v>
                </c:pt>
                <c:pt idx="111">
                  <c:v>12.3</c:v>
                </c:pt>
                <c:pt idx="112">
                  <c:v>12.4</c:v>
                </c:pt>
                <c:pt idx="113">
                  <c:v>12</c:v>
                </c:pt>
                <c:pt idx="114">
                  <c:v>12.7</c:v>
                </c:pt>
                <c:pt idx="115">
                  <c:v>12.3</c:v>
                </c:pt>
                <c:pt idx="116">
                  <c:v>12.2</c:v>
                </c:pt>
                <c:pt idx="117">
                  <c:v>12.2</c:v>
                </c:pt>
                <c:pt idx="118">
                  <c:v>12.7</c:v>
                </c:pt>
                <c:pt idx="119">
                  <c:v>12.4</c:v>
                </c:pt>
                <c:pt idx="120">
                  <c:v>12.4</c:v>
                </c:pt>
                <c:pt idx="121">
                  <c:v>12.4</c:v>
                </c:pt>
                <c:pt idx="122">
                  <c:v>12.4</c:v>
                </c:pt>
                <c:pt idx="123">
                  <c:v>12.8</c:v>
                </c:pt>
                <c:pt idx="124">
                  <c:v>12.6</c:v>
                </c:pt>
                <c:pt idx="125">
                  <c:v>12.8</c:v>
                </c:pt>
                <c:pt idx="126">
                  <c:v>12.6</c:v>
                </c:pt>
                <c:pt idx="127">
                  <c:v>12.7</c:v>
                </c:pt>
                <c:pt idx="128">
                  <c:v>12.7</c:v>
                </c:pt>
                <c:pt idx="129">
                  <c:v>12.8</c:v>
                </c:pt>
                <c:pt idx="130">
                  <c:v>12.5</c:v>
                </c:pt>
                <c:pt idx="131">
                  <c:v>12.5</c:v>
                </c:pt>
                <c:pt idx="132">
                  <c:v>12.6</c:v>
                </c:pt>
                <c:pt idx="133">
                  <c:v>12.8</c:v>
                </c:pt>
                <c:pt idx="134">
                  <c:v>12.8</c:v>
                </c:pt>
                <c:pt idx="135">
                  <c:v>13.3</c:v>
                </c:pt>
                <c:pt idx="136">
                  <c:v>12.8</c:v>
                </c:pt>
                <c:pt idx="137">
                  <c:v>12.8</c:v>
                </c:pt>
                <c:pt idx="138">
                  <c:v>13.2</c:v>
                </c:pt>
                <c:pt idx="139">
                  <c:v>13</c:v>
                </c:pt>
                <c:pt idx="140">
                  <c:v>13.4</c:v>
                </c:pt>
                <c:pt idx="141">
                  <c:v>13.2</c:v>
                </c:pt>
                <c:pt idx="142">
                  <c:v>13</c:v>
                </c:pt>
                <c:pt idx="143">
                  <c:v>13.1</c:v>
                </c:pt>
                <c:pt idx="144">
                  <c:v>13.1</c:v>
                </c:pt>
                <c:pt idx="145">
                  <c:v>13.1</c:v>
                </c:pt>
                <c:pt idx="146">
                  <c:v>13</c:v>
                </c:pt>
                <c:pt idx="147">
                  <c:v>13.4</c:v>
                </c:pt>
                <c:pt idx="148">
                  <c:v>13.3</c:v>
                </c:pt>
                <c:pt idx="149">
                  <c:v>13.4</c:v>
                </c:pt>
                <c:pt idx="150">
                  <c:v>13.2</c:v>
                </c:pt>
                <c:pt idx="151">
                  <c:v>13.3</c:v>
                </c:pt>
                <c:pt idx="152">
                  <c:v>13.1</c:v>
                </c:pt>
                <c:pt idx="153">
                  <c:v>13.5</c:v>
                </c:pt>
                <c:pt idx="154">
                  <c:v>13.2</c:v>
                </c:pt>
                <c:pt idx="155">
                  <c:v>13.6</c:v>
                </c:pt>
                <c:pt idx="156">
                  <c:v>13.6</c:v>
                </c:pt>
                <c:pt idx="157">
                  <c:v>13.4</c:v>
                </c:pt>
                <c:pt idx="158">
                  <c:v>13.4</c:v>
                </c:pt>
                <c:pt idx="159">
                  <c:v>13.4</c:v>
                </c:pt>
                <c:pt idx="160">
                  <c:v>13.6</c:v>
                </c:pt>
                <c:pt idx="161">
                  <c:v>13.5</c:v>
                </c:pt>
                <c:pt idx="162">
                  <c:v>13.3</c:v>
                </c:pt>
                <c:pt idx="163">
                  <c:v>13.5</c:v>
                </c:pt>
                <c:pt idx="164">
                  <c:v>13.7</c:v>
                </c:pt>
                <c:pt idx="165">
                  <c:v>13.7</c:v>
                </c:pt>
                <c:pt idx="166">
                  <c:v>13.3</c:v>
                </c:pt>
                <c:pt idx="167">
                  <c:v>13.2</c:v>
                </c:pt>
                <c:pt idx="168">
                  <c:v>13.6</c:v>
                </c:pt>
                <c:pt idx="169">
                  <c:v>13.7</c:v>
                </c:pt>
                <c:pt idx="170">
                  <c:v>13.7</c:v>
                </c:pt>
                <c:pt idx="171">
                  <c:v>13.8</c:v>
                </c:pt>
                <c:pt idx="172">
                  <c:v>13.8</c:v>
                </c:pt>
                <c:pt idx="173">
                  <c:v>13.6</c:v>
                </c:pt>
                <c:pt idx="174">
                  <c:v>13.6</c:v>
                </c:pt>
                <c:pt idx="175">
                  <c:v>13.7</c:v>
                </c:pt>
                <c:pt idx="176">
                  <c:v>13.7</c:v>
                </c:pt>
                <c:pt idx="177">
                  <c:v>14</c:v>
                </c:pt>
                <c:pt idx="178">
                  <c:v>13.7</c:v>
                </c:pt>
                <c:pt idx="179">
                  <c:v>13.6</c:v>
                </c:pt>
                <c:pt idx="180">
                  <c:v>13.8</c:v>
                </c:pt>
                <c:pt idx="181">
                  <c:v>14.2</c:v>
                </c:pt>
                <c:pt idx="182">
                  <c:v>13.9</c:v>
                </c:pt>
                <c:pt idx="183">
                  <c:v>13.8</c:v>
                </c:pt>
                <c:pt idx="184">
                  <c:v>13.8</c:v>
                </c:pt>
                <c:pt idx="185">
                  <c:v>14</c:v>
                </c:pt>
                <c:pt idx="186">
                  <c:v>13.6</c:v>
                </c:pt>
                <c:pt idx="187">
                  <c:v>14.1</c:v>
                </c:pt>
                <c:pt idx="188">
                  <c:v>14.2</c:v>
                </c:pt>
                <c:pt idx="189">
                  <c:v>13.8</c:v>
                </c:pt>
                <c:pt idx="190">
                  <c:v>14.3</c:v>
                </c:pt>
                <c:pt idx="191">
                  <c:v>14</c:v>
                </c:pt>
                <c:pt idx="192">
                  <c:v>13.9</c:v>
                </c:pt>
                <c:pt idx="193">
                  <c:v>13.8</c:v>
                </c:pt>
                <c:pt idx="194">
                  <c:v>14</c:v>
                </c:pt>
                <c:pt idx="195">
                  <c:v>14.2</c:v>
                </c:pt>
                <c:pt idx="196">
                  <c:v>14.1</c:v>
                </c:pt>
                <c:pt idx="197">
                  <c:v>13.8</c:v>
                </c:pt>
                <c:pt idx="198">
                  <c:v>14.1</c:v>
                </c:pt>
                <c:pt idx="199">
                  <c:v>13.8</c:v>
                </c:pt>
                <c:pt idx="200">
                  <c:v>13.8</c:v>
                </c:pt>
                <c:pt idx="201">
                  <c:v>14.3</c:v>
                </c:pt>
                <c:pt idx="202">
                  <c:v>14.4</c:v>
                </c:pt>
                <c:pt idx="203">
                  <c:v>14.4</c:v>
                </c:pt>
                <c:pt idx="204">
                  <c:v>14.4</c:v>
                </c:pt>
                <c:pt idx="205">
                  <c:v>14.3</c:v>
                </c:pt>
                <c:pt idx="206">
                  <c:v>14.3</c:v>
                </c:pt>
                <c:pt idx="207">
                  <c:v>14.1</c:v>
                </c:pt>
                <c:pt idx="208">
                  <c:v>14.3</c:v>
                </c:pt>
                <c:pt idx="209">
                  <c:v>14.2</c:v>
                </c:pt>
                <c:pt idx="210">
                  <c:v>14.6</c:v>
                </c:pt>
                <c:pt idx="211">
                  <c:v>14.5</c:v>
                </c:pt>
                <c:pt idx="212">
                  <c:v>14.4</c:v>
                </c:pt>
                <c:pt idx="213">
                  <c:v>14.3</c:v>
                </c:pt>
                <c:pt idx="214">
                  <c:v>14.5</c:v>
                </c:pt>
                <c:pt idx="215">
                  <c:v>14</c:v>
                </c:pt>
                <c:pt idx="216">
                  <c:v>14.4</c:v>
                </c:pt>
                <c:pt idx="217">
                  <c:v>14.1</c:v>
                </c:pt>
                <c:pt idx="218">
                  <c:v>14.5</c:v>
                </c:pt>
                <c:pt idx="219">
                  <c:v>14.6</c:v>
                </c:pt>
                <c:pt idx="220">
                  <c:v>14.5</c:v>
                </c:pt>
                <c:pt idx="221">
                  <c:v>14.4</c:v>
                </c:pt>
                <c:pt idx="222">
                  <c:v>14.1</c:v>
                </c:pt>
                <c:pt idx="223">
                  <c:v>14.6</c:v>
                </c:pt>
                <c:pt idx="224">
                  <c:v>14.6</c:v>
                </c:pt>
                <c:pt idx="225">
                  <c:v>14.4</c:v>
                </c:pt>
                <c:pt idx="226">
                  <c:v>14.6</c:v>
                </c:pt>
                <c:pt idx="227">
                  <c:v>14.5</c:v>
                </c:pt>
                <c:pt idx="228">
                  <c:v>14.3</c:v>
                </c:pt>
                <c:pt idx="229">
                  <c:v>14.9</c:v>
                </c:pt>
                <c:pt idx="230">
                  <c:v>14.3</c:v>
                </c:pt>
                <c:pt idx="231">
                  <c:v>14.5</c:v>
                </c:pt>
                <c:pt idx="232">
                  <c:v>14.6</c:v>
                </c:pt>
                <c:pt idx="233">
                  <c:v>14.9</c:v>
                </c:pt>
                <c:pt idx="234">
                  <c:v>14.5</c:v>
                </c:pt>
                <c:pt idx="235">
                  <c:v>14.6</c:v>
                </c:pt>
                <c:pt idx="236">
                  <c:v>14.6</c:v>
                </c:pt>
                <c:pt idx="237">
                  <c:v>14.9</c:v>
                </c:pt>
                <c:pt idx="238">
                  <c:v>14.7</c:v>
                </c:pt>
                <c:pt idx="239">
                  <c:v>14.6</c:v>
                </c:pt>
                <c:pt idx="240">
                  <c:v>14.7</c:v>
                </c:pt>
                <c:pt idx="241">
                  <c:v>14.5</c:v>
                </c:pt>
                <c:pt idx="242">
                  <c:v>14.5</c:v>
                </c:pt>
                <c:pt idx="243">
                  <c:v>14.7</c:v>
                </c:pt>
                <c:pt idx="244">
                  <c:v>14.5</c:v>
                </c:pt>
                <c:pt idx="245">
                  <c:v>15</c:v>
                </c:pt>
                <c:pt idx="246">
                  <c:v>15</c:v>
                </c:pt>
                <c:pt idx="247">
                  <c:v>14.7</c:v>
                </c:pt>
                <c:pt idx="248">
                  <c:v>14.9</c:v>
                </c:pt>
                <c:pt idx="249">
                  <c:v>14.9</c:v>
                </c:pt>
                <c:pt idx="250">
                  <c:v>14.7</c:v>
                </c:pt>
                <c:pt idx="251">
                  <c:v>14.9</c:v>
                </c:pt>
                <c:pt idx="252">
                  <c:v>14.6</c:v>
                </c:pt>
                <c:pt idx="253">
                  <c:v>14.9</c:v>
                </c:pt>
                <c:pt idx="254">
                  <c:v>14.5</c:v>
                </c:pt>
                <c:pt idx="255">
                  <c:v>15.1</c:v>
                </c:pt>
                <c:pt idx="256">
                  <c:v>15.1</c:v>
                </c:pt>
                <c:pt idx="257">
                  <c:v>15.2</c:v>
                </c:pt>
                <c:pt idx="258">
                  <c:v>14.7</c:v>
                </c:pt>
                <c:pt idx="259">
                  <c:v>15.1</c:v>
                </c:pt>
                <c:pt idx="260">
                  <c:v>14.9</c:v>
                </c:pt>
                <c:pt idx="261">
                  <c:v>15</c:v>
                </c:pt>
                <c:pt idx="262">
                  <c:v>15</c:v>
                </c:pt>
                <c:pt idx="263">
                  <c:v>15.1</c:v>
                </c:pt>
                <c:pt idx="264">
                  <c:v>15.2</c:v>
                </c:pt>
                <c:pt idx="265">
                  <c:v>14.9</c:v>
                </c:pt>
                <c:pt idx="266">
                  <c:v>15.1</c:v>
                </c:pt>
                <c:pt idx="267">
                  <c:v>15.3</c:v>
                </c:pt>
                <c:pt idx="268">
                  <c:v>14.9</c:v>
                </c:pt>
                <c:pt idx="269">
                  <c:v>15.2</c:v>
                </c:pt>
                <c:pt idx="270">
                  <c:v>15.1</c:v>
                </c:pt>
                <c:pt idx="271">
                  <c:v>15.1</c:v>
                </c:pt>
                <c:pt idx="272">
                  <c:v>15</c:v>
                </c:pt>
                <c:pt idx="273">
                  <c:v>15.3</c:v>
                </c:pt>
                <c:pt idx="274">
                  <c:v>15.3</c:v>
                </c:pt>
                <c:pt idx="275">
                  <c:v>15.1</c:v>
                </c:pt>
                <c:pt idx="276">
                  <c:v>15.3</c:v>
                </c:pt>
                <c:pt idx="277">
                  <c:v>15.5</c:v>
                </c:pt>
                <c:pt idx="278">
                  <c:v>15.2</c:v>
                </c:pt>
                <c:pt idx="279">
                  <c:v>15.1</c:v>
                </c:pt>
                <c:pt idx="280">
                  <c:v>15</c:v>
                </c:pt>
                <c:pt idx="281">
                  <c:v>15.2</c:v>
                </c:pt>
                <c:pt idx="282">
                  <c:v>15.3</c:v>
                </c:pt>
                <c:pt idx="283">
                  <c:v>15.1</c:v>
                </c:pt>
                <c:pt idx="284">
                  <c:v>15.2</c:v>
                </c:pt>
                <c:pt idx="285">
                  <c:v>15.2</c:v>
                </c:pt>
                <c:pt idx="286">
                  <c:v>15.3</c:v>
                </c:pt>
                <c:pt idx="287">
                  <c:v>15.2</c:v>
                </c:pt>
                <c:pt idx="288">
                  <c:v>15.4</c:v>
                </c:pt>
                <c:pt idx="289">
                  <c:v>15.3</c:v>
                </c:pt>
                <c:pt idx="290">
                  <c:v>14.7</c:v>
                </c:pt>
                <c:pt idx="291">
                  <c:v>15.5</c:v>
                </c:pt>
                <c:pt idx="292">
                  <c:v>15.4</c:v>
                </c:pt>
                <c:pt idx="293">
                  <c:v>15.3</c:v>
                </c:pt>
                <c:pt idx="294">
                  <c:v>15.4</c:v>
                </c:pt>
                <c:pt idx="295">
                  <c:v>15.2</c:v>
                </c:pt>
                <c:pt idx="296">
                  <c:v>15.5</c:v>
                </c:pt>
                <c:pt idx="297">
                  <c:v>15.4</c:v>
                </c:pt>
                <c:pt idx="298">
                  <c:v>15.5</c:v>
                </c:pt>
                <c:pt idx="299">
                  <c:v>15.2</c:v>
                </c:pt>
                <c:pt idx="300">
                  <c:v>15.6</c:v>
                </c:pt>
                <c:pt idx="301">
                  <c:v>15.3</c:v>
                </c:pt>
                <c:pt idx="302">
                  <c:v>15.4</c:v>
                </c:pt>
                <c:pt idx="303">
                  <c:v>15.4</c:v>
                </c:pt>
                <c:pt idx="304">
                  <c:v>15.3</c:v>
                </c:pt>
                <c:pt idx="305">
                  <c:v>15.5</c:v>
                </c:pt>
                <c:pt idx="306">
                  <c:v>15.2</c:v>
                </c:pt>
                <c:pt idx="307">
                  <c:v>15.5</c:v>
                </c:pt>
                <c:pt idx="308">
                  <c:v>15.4</c:v>
                </c:pt>
                <c:pt idx="309">
                  <c:v>15.6</c:v>
                </c:pt>
                <c:pt idx="310">
                  <c:v>15.5</c:v>
                </c:pt>
                <c:pt idx="311">
                  <c:v>15.6</c:v>
                </c:pt>
                <c:pt idx="312">
                  <c:v>15.4</c:v>
                </c:pt>
                <c:pt idx="313">
                  <c:v>15.5</c:v>
                </c:pt>
                <c:pt idx="314">
                  <c:v>15.5</c:v>
                </c:pt>
                <c:pt idx="315">
                  <c:v>15.3</c:v>
                </c:pt>
                <c:pt idx="316">
                  <c:v>15.8</c:v>
                </c:pt>
                <c:pt idx="317">
                  <c:v>15.7</c:v>
                </c:pt>
                <c:pt idx="318">
                  <c:v>15.5</c:v>
                </c:pt>
                <c:pt idx="319">
                  <c:v>15.5</c:v>
                </c:pt>
                <c:pt idx="320">
                  <c:v>15.3</c:v>
                </c:pt>
                <c:pt idx="321">
                  <c:v>15.4</c:v>
                </c:pt>
                <c:pt idx="322">
                  <c:v>15.6</c:v>
                </c:pt>
                <c:pt idx="323">
                  <c:v>15.4</c:v>
                </c:pt>
                <c:pt idx="324">
                  <c:v>15.5</c:v>
                </c:pt>
                <c:pt idx="325">
                  <c:v>15.8</c:v>
                </c:pt>
                <c:pt idx="326">
                  <c:v>15.4</c:v>
                </c:pt>
                <c:pt idx="327">
                  <c:v>15.5</c:v>
                </c:pt>
                <c:pt idx="328">
                  <c:v>15.3</c:v>
                </c:pt>
                <c:pt idx="329">
                  <c:v>15.6</c:v>
                </c:pt>
                <c:pt idx="330">
                  <c:v>15.7</c:v>
                </c:pt>
                <c:pt idx="331">
                  <c:v>15.7</c:v>
                </c:pt>
                <c:pt idx="332">
                  <c:v>15.6</c:v>
                </c:pt>
                <c:pt idx="333">
                  <c:v>15.6</c:v>
                </c:pt>
                <c:pt idx="334">
                  <c:v>15.4</c:v>
                </c:pt>
                <c:pt idx="335">
                  <c:v>15.5</c:v>
                </c:pt>
                <c:pt idx="336">
                  <c:v>16.100000000000001</c:v>
                </c:pt>
                <c:pt idx="337">
                  <c:v>15.4</c:v>
                </c:pt>
                <c:pt idx="338">
                  <c:v>15.5</c:v>
                </c:pt>
                <c:pt idx="339">
                  <c:v>15.8</c:v>
                </c:pt>
                <c:pt idx="340">
                  <c:v>15.6</c:v>
                </c:pt>
                <c:pt idx="341">
                  <c:v>15.8</c:v>
                </c:pt>
                <c:pt idx="342">
                  <c:v>15.8</c:v>
                </c:pt>
                <c:pt idx="343">
                  <c:v>15.9</c:v>
                </c:pt>
                <c:pt idx="344">
                  <c:v>15.8</c:v>
                </c:pt>
                <c:pt idx="345">
                  <c:v>15.4</c:v>
                </c:pt>
                <c:pt idx="346">
                  <c:v>15.9</c:v>
                </c:pt>
                <c:pt idx="347">
                  <c:v>15.6</c:v>
                </c:pt>
                <c:pt idx="348">
                  <c:v>15.7</c:v>
                </c:pt>
                <c:pt idx="349">
                  <c:v>15.6</c:v>
                </c:pt>
                <c:pt idx="350">
                  <c:v>15.7</c:v>
                </c:pt>
                <c:pt idx="351">
                  <c:v>15.7</c:v>
                </c:pt>
                <c:pt idx="352">
                  <c:v>15.8</c:v>
                </c:pt>
                <c:pt idx="353">
                  <c:v>15.8</c:v>
                </c:pt>
                <c:pt idx="354">
                  <c:v>15.6</c:v>
                </c:pt>
                <c:pt idx="355">
                  <c:v>16</c:v>
                </c:pt>
                <c:pt idx="356">
                  <c:v>15.7</c:v>
                </c:pt>
                <c:pt idx="357">
                  <c:v>15.9</c:v>
                </c:pt>
                <c:pt idx="358">
                  <c:v>15.9</c:v>
                </c:pt>
                <c:pt idx="359">
                  <c:v>15.9</c:v>
                </c:pt>
                <c:pt idx="360">
                  <c:v>16</c:v>
                </c:pt>
                <c:pt idx="361">
                  <c:v>16</c:v>
                </c:pt>
                <c:pt idx="362">
                  <c:v>16</c:v>
                </c:pt>
                <c:pt idx="363">
                  <c:v>15.8</c:v>
                </c:pt>
                <c:pt idx="364">
                  <c:v>15.8</c:v>
                </c:pt>
                <c:pt idx="365">
                  <c:v>15.8</c:v>
                </c:pt>
                <c:pt idx="366">
                  <c:v>16</c:v>
                </c:pt>
                <c:pt idx="367">
                  <c:v>16</c:v>
                </c:pt>
                <c:pt idx="368">
                  <c:v>15.8</c:v>
                </c:pt>
                <c:pt idx="369">
                  <c:v>16.100000000000001</c:v>
                </c:pt>
                <c:pt idx="370">
                  <c:v>16.100000000000001</c:v>
                </c:pt>
                <c:pt idx="371">
                  <c:v>15.8</c:v>
                </c:pt>
                <c:pt idx="372">
                  <c:v>15.9</c:v>
                </c:pt>
                <c:pt idx="373">
                  <c:v>16</c:v>
                </c:pt>
                <c:pt idx="374">
                  <c:v>16.2</c:v>
                </c:pt>
                <c:pt idx="375">
                  <c:v>15.7</c:v>
                </c:pt>
                <c:pt idx="376">
                  <c:v>16.100000000000001</c:v>
                </c:pt>
                <c:pt idx="377">
                  <c:v>15.9</c:v>
                </c:pt>
                <c:pt idx="378">
                  <c:v>15.8</c:v>
                </c:pt>
                <c:pt idx="379">
                  <c:v>15.8</c:v>
                </c:pt>
                <c:pt idx="380">
                  <c:v>15.8</c:v>
                </c:pt>
                <c:pt idx="381">
                  <c:v>16.100000000000001</c:v>
                </c:pt>
                <c:pt idx="382">
                  <c:v>15.8</c:v>
                </c:pt>
                <c:pt idx="383">
                  <c:v>15.9</c:v>
                </c:pt>
                <c:pt idx="384">
                  <c:v>15.9</c:v>
                </c:pt>
                <c:pt idx="385">
                  <c:v>16.2</c:v>
                </c:pt>
                <c:pt idx="386">
                  <c:v>16</c:v>
                </c:pt>
                <c:pt idx="387">
                  <c:v>15.9</c:v>
                </c:pt>
                <c:pt idx="388">
                  <c:v>15.9</c:v>
                </c:pt>
                <c:pt idx="389">
                  <c:v>16.3</c:v>
                </c:pt>
                <c:pt idx="390">
                  <c:v>16.2</c:v>
                </c:pt>
                <c:pt idx="391">
                  <c:v>16.100000000000001</c:v>
                </c:pt>
                <c:pt idx="392">
                  <c:v>15.9</c:v>
                </c:pt>
                <c:pt idx="393">
                  <c:v>16.2</c:v>
                </c:pt>
                <c:pt idx="394">
                  <c:v>16.2</c:v>
                </c:pt>
                <c:pt idx="395">
                  <c:v>16</c:v>
                </c:pt>
                <c:pt idx="396">
                  <c:v>16.100000000000001</c:v>
                </c:pt>
                <c:pt idx="397">
                  <c:v>16.2</c:v>
                </c:pt>
                <c:pt idx="398">
                  <c:v>16.100000000000001</c:v>
                </c:pt>
                <c:pt idx="399">
                  <c:v>16</c:v>
                </c:pt>
                <c:pt idx="400">
                  <c:v>16</c:v>
                </c:pt>
                <c:pt idx="401">
                  <c:v>16.5</c:v>
                </c:pt>
                <c:pt idx="402">
                  <c:v>16</c:v>
                </c:pt>
                <c:pt idx="403">
                  <c:v>16</c:v>
                </c:pt>
                <c:pt idx="404">
                  <c:v>16</c:v>
                </c:pt>
                <c:pt idx="405">
                  <c:v>16.2</c:v>
                </c:pt>
                <c:pt idx="406">
                  <c:v>15.8</c:v>
                </c:pt>
                <c:pt idx="407">
                  <c:v>16.3</c:v>
                </c:pt>
                <c:pt idx="408">
                  <c:v>16</c:v>
                </c:pt>
                <c:pt idx="409">
                  <c:v>16</c:v>
                </c:pt>
                <c:pt idx="410">
                  <c:v>15.9</c:v>
                </c:pt>
                <c:pt idx="411">
                  <c:v>16.100000000000001</c:v>
                </c:pt>
                <c:pt idx="412">
                  <c:v>16.100000000000001</c:v>
                </c:pt>
                <c:pt idx="413">
                  <c:v>15.7</c:v>
                </c:pt>
                <c:pt idx="414">
                  <c:v>16.3</c:v>
                </c:pt>
                <c:pt idx="415">
                  <c:v>16.399999999999999</c:v>
                </c:pt>
                <c:pt idx="416">
                  <c:v>16</c:v>
                </c:pt>
                <c:pt idx="417">
                  <c:v>16.100000000000001</c:v>
                </c:pt>
                <c:pt idx="418">
                  <c:v>16.2</c:v>
                </c:pt>
                <c:pt idx="419">
                  <c:v>16</c:v>
                </c:pt>
                <c:pt idx="420">
                  <c:v>16.100000000000001</c:v>
                </c:pt>
                <c:pt idx="421">
                  <c:v>15.7</c:v>
                </c:pt>
                <c:pt idx="422">
                  <c:v>16.100000000000001</c:v>
                </c:pt>
                <c:pt idx="423">
                  <c:v>15.9</c:v>
                </c:pt>
                <c:pt idx="424">
                  <c:v>16.3</c:v>
                </c:pt>
                <c:pt idx="425">
                  <c:v>16.100000000000001</c:v>
                </c:pt>
                <c:pt idx="426">
                  <c:v>16.2</c:v>
                </c:pt>
                <c:pt idx="427">
                  <c:v>16.2</c:v>
                </c:pt>
                <c:pt idx="428">
                  <c:v>16.2</c:v>
                </c:pt>
                <c:pt idx="429">
                  <c:v>16.2</c:v>
                </c:pt>
                <c:pt idx="430">
                  <c:v>16.2</c:v>
                </c:pt>
                <c:pt idx="431">
                  <c:v>16.2</c:v>
                </c:pt>
                <c:pt idx="432">
                  <c:v>16.399999999999999</c:v>
                </c:pt>
                <c:pt idx="433">
                  <c:v>16.2</c:v>
                </c:pt>
                <c:pt idx="434">
                  <c:v>16.2</c:v>
                </c:pt>
                <c:pt idx="435">
                  <c:v>16.5</c:v>
                </c:pt>
                <c:pt idx="436">
                  <c:v>16.100000000000001</c:v>
                </c:pt>
                <c:pt idx="437">
                  <c:v>16.2</c:v>
                </c:pt>
                <c:pt idx="438">
                  <c:v>16.2</c:v>
                </c:pt>
                <c:pt idx="439">
                  <c:v>16.3</c:v>
                </c:pt>
                <c:pt idx="440">
                  <c:v>16.2</c:v>
                </c:pt>
                <c:pt idx="441">
                  <c:v>16.3</c:v>
                </c:pt>
                <c:pt idx="442">
                  <c:v>16.3</c:v>
                </c:pt>
                <c:pt idx="443">
                  <c:v>16.399999999999999</c:v>
                </c:pt>
                <c:pt idx="444">
                  <c:v>16.5</c:v>
                </c:pt>
                <c:pt idx="445">
                  <c:v>16.7</c:v>
                </c:pt>
                <c:pt idx="446">
                  <c:v>16.100000000000001</c:v>
                </c:pt>
                <c:pt idx="447">
                  <c:v>16.3</c:v>
                </c:pt>
                <c:pt idx="448">
                  <c:v>16.2</c:v>
                </c:pt>
                <c:pt idx="449">
                  <c:v>16.399999999999999</c:v>
                </c:pt>
                <c:pt idx="450">
                  <c:v>16.3</c:v>
                </c:pt>
                <c:pt idx="451">
                  <c:v>16.2</c:v>
                </c:pt>
                <c:pt idx="452">
                  <c:v>16.100000000000001</c:v>
                </c:pt>
                <c:pt idx="453">
                  <c:v>16.100000000000001</c:v>
                </c:pt>
                <c:pt idx="454">
                  <c:v>16.399999999999999</c:v>
                </c:pt>
                <c:pt idx="455">
                  <c:v>16.100000000000001</c:v>
                </c:pt>
                <c:pt idx="456">
                  <c:v>16.2</c:v>
                </c:pt>
                <c:pt idx="457">
                  <c:v>16.3</c:v>
                </c:pt>
                <c:pt idx="458">
                  <c:v>16.2</c:v>
                </c:pt>
                <c:pt idx="459">
                  <c:v>16.5</c:v>
                </c:pt>
                <c:pt idx="460">
                  <c:v>16.2</c:v>
                </c:pt>
                <c:pt idx="461">
                  <c:v>16.3</c:v>
                </c:pt>
                <c:pt idx="462">
                  <c:v>16.2</c:v>
                </c:pt>
                <c:pt idx="463">
                  <c:v>16.5</c:v>
                </c:pt>
                <c:pt idx="464">
                  <c:v>16.399999999999999</c:v>
                </c:pt>
                <c:pt idx="465">
                  <c:v>16.3</c:v>
                </c:pt>
                <c:pt idx="466">
                  <c:v>16.399999999999999</c:v>
                </c:pt>
                <c:pt idx="467">
                  <c:v>16.3</c:v>
                </c:pt>
                <c:pt idx="468">
                  <c:v>16.399999999999999</c:v>
                </c:pt>
                <c:pt idx="469">
                  <c:v>16.399999999999999</c:v>
                </c:pt>
                <c:pt idx="470">
                  <c:v>16.3</c:v>
                </c:pt>
                <c:pt idx="471">
                  <c:v>16.5</c:v>
                </c:pt>
                <c:pt idx="472">
                  <c:v>16.100000000000001</c:v>
                </c:pt>
                <c:pt idx="473">
                  <c:v>16.3</c:v>
                </c:pt>
                <c:pt idx="474">
                  <c:v>16.7</c:v>
                </c:pt>
                <c:pt idx="475">
                  <c:v>16.7</c:v>
                </c:pt>
                <c:pt idx="476">
                  <c:v>16.5</c:v>
                </c:pt>
                <c:pt idx="477">
                  <c:v>16.8</c:v>
                </c:pt>
                <c:pt idx="478">
                  <c:v>16.5</c:v>
                </c:pt>
                <c:pt idx="479">
                  <c:v>16.5</c:v>
                </c:pt>
                <c:pt idx="480">
                  <c:v>16.3</c:v>
                </c:pt>
                <c:pt idx="481">
                  <c:v>16.399999999999999</c:v>
                </c:pt>
                <c:pt idx="482">
                  <c:v>16.5</c:v>
                </c:pt>
                <c:pt idx="483">
                  <c:v>16.8</c:v>
                </c:pt>
                <c:pt idx="484">
                  <c:v>16.399999999999999</c:v>
                </c:pt>
                <c:pt idx="485">
                  <c:v>16.5</c:v>
                </c:pt>
                <c:pt idx="486">
                  <c:v>16.5</c:v>
                </c:pt>
                <c:pt idx="487">
                  <c:v>16.399999999999999</c:v>
                </c:pt>
                <c:pt idx="488">
                  <c:v>16.8</c:v>
                </c:pt>
                <c:pt idx="489">
                  <c:v>16.3</c:v>
                </c:pt>
                <c:pt idx="490">
                  <c:v>16.5</c:v>
                </c:pt>
                <c:pt idx="491">
                  <c:v>16.3</c:v>
                </c:pt>
                <c:pt idx="492">
                  <c:v>16.899999999999999</c:v>
                </c:pt>
                <c:pt idx="493">
                  <c:v>16.3</c:v>
                </c:pt>
                <c:pt idx="494">
                  <c:v>16.399999999999999</c:v>
                </c:pt>
                <c:pt idx="495">
                  <c:v>16.5</c:v>
                </c:pt>
                <c:pt idx="496">
                  <c:v>16.899999999999999</c:v>
                </c:pt>
                <c:pt idx="497">
                  <c:v>16.7</c:v>
                </c:pt>
                <c:pt idx="498">
                  <c:v>16.5</c:v>
                </c:pt>
                <c:pt idx="499">
                  <c:v>17</c:v>
                </c:pt>
                <c:pt idx="500">
                  <c:v>16.3</c:v>
                </c:pt>
                <c:pt idx="501">
                  <c:v>16.7</c:v>
                </c:pt>
                <c:pt idx="502">
                  <c:v>16.5</c:v>
                </c:pt>
                <c:pt idx="503">
                  <c:v>16.3</c:v>
                </c:pt>
                <c:pt idx="504">
                  <c:v>16.3</c:v>
                </c:pt>
                <c:pt idx="505">
                  <c:v>16.399999999999999</c:v>
                </c:pt>
                <c:pt idx="506">
                  <c:v>16.8</c:v>
                </c:pt>
                <c:pt idx="507">
                  <c:v>16.7</c:v>
                </c:pt>
                <c:pt idx="508">
                  <c:v>16.5</c:v>
                </c:pt>
                <c:pt idx="509">
                  <c:v>16.399999999999999</c:v>
                </c:pt>
                <c:pt idx="510">
                  <c:v>16.8</c:v>
                </c:pt>
                <c:pt idx="511">
                  <c:v>16.5</c:v>
                </c:pt>
                <c:pt idx="512">
                  <c:v>16.8</c:v>
                </c:pt>
                <c:pt idx="513">
                  <c:v>16.5</c:v>
                </c:pt>
                <c:pt idx="514">
                  <c:v>16.5</c:v>
                </c:pt>
                <c:pt idx="515">
                  <c:v>16.5</c:v>
                </c:pt>
                <c:pt idx="516">
                  <c:v>16.5</c:v>
                </c:pt>
                <c:pt idx="517">
                  <c:v>16.5</c:v>
                </c:pt>
                <c:pt idx="518">
                  <c:v>16.8</c:v>
                </c:pt>
                <c:pt idx="519">
                  <c:v>16.899999999999999</c:v>
                </c:pt>
                <c:pt idx="520">
                  <c:v>16.5</c:v>
                </c:pt>
                <c:pt idx="521">
                  <c:v>16.8</c:v>
                </c:pt>
                <c:pt idx="522">
                  <c:v>16.399999999999999</c:v>
                </c:pt>
                <c:pt idx="523">
                  <c:v>16.8</c:v>
                </c:pt>
                <c:pt idx="524">
                  <c:v>16.399999999999999</c:v>
                </c:pt>
                <c:pt idx="525">
                  <c:v>16.8</c:v>
                </c:pt>
                <c:pt idx="526">
                  <c:v>16.8</c:v>
                </c:pt>
                <c:pt idx="527">
                  <c:v>16.8</c:v>
                </c:pt>
                <c:pt idx="528">
                  <c:v>16.8</c:v>
                </c:pt>
                <c:pt idx="529">
                  <c:v>17</c:v>
                </c:pt>
                <c:pt idx="530">
                  <c:v>16.5</c:v>
                </c:pt>
                <c:pt idx="531">
                  <c:v>16.899999999999999</c:v>
                </c:pt>
                <c:pt idx="532">
                  <c:v>16.8</c:v>
                </c:pt>
                <c:pt idx="533">
                  <c:v>17.100000000000001</c:v>
                </c:pt>
                <c:pt idx="534">
                  <c:v>16.8</c:v>
                </c:pt>
                <c:pt idx="535">
                  <c:v>16.399999999999999</c:v>
                </c:pt>
                <c:pt idx="536">
                  <c:v>16.7</c:v>
                </c:pt>
                <c:pt idx="537">
                  <c:v>16.8</c:v>
                </c:pt>
                <c:pt idx="538">
                  <c:v>16.399999999999999</c:v>
                </c:pt>
                <c:pt idx="539">
                  <c:v>16.7</c:v>
                </c:pt>
                <c:pt idx="540">
                  <c:v>16.5</c:v>
                </c:pt>
                <c:pt idx="541">
                  <c:v>16.899999999999999</c:v>
                </c:pt>
                <c:pt idx="542">
                  <c:v>16.7</c:v>
                </c:pt>
                <c:pt idx="543">
                  <c:v>16.399999999999999</c:v>
                </c:pt>
                <c:pt idx="544">
                  <c:v>16.8</c:v>
                </c:pt>
                <c:pt idx="545">
                  <c:v>16.7</c:v>
                </c:pt>
                <c:pt idx="546">
                  <c:v>17</c:v>
                </c:pt>
                <c:pt idx="547">
                  <c:v>16.399999999999999</c:v>
                </c:pt>
                <c:pt idx="548">
                  <c:v>16.899999999999999</c:v>
                </c:pt>
                <c:pt idx="549">
                  <c:v>17</c:v>
                </c:pt>
                <c:pt idx="550">
                  <c:v>16.899999999999999</c:v>
                </c:pt>
                <c:pt idx="551">
                  <c:v>16.8</c:v>
                </c:pt>
                <c:pt idx="552">
                  <c:v>16.899999999999999</c:v>
                </c:pt>
                <c:pt idx="553">
                  <c:v>16.5</c:v>
                </c:pt>
                <c:pt idx="554">
                  <c:v>17</c:v>
                </c:pt>
                <c:pt idx="555">
                  <c:v>17</c:v>
                </c:pt>
                <c:pt idx="556">
                  <c:v>16.899999999999999</c:v>
                </c:pt>
                <c:pt idx="557">
                  <c:v>16.8</c:v>
                </c:pt>
                <c:pt idx="558">
                  <c:v>16.899999999999999</c:v>
                </c:pt>
                <c:pt idx="559">
                  <c:v>17.100000000000001</c:v>
                </c:pt>
                <c:pt idx="560">
                  <c:v>16.8</c:v>
                </c:pt>
                <c:pt idx="561">
                  <c:v>16.7</c:v>
                </c:pt>
                <c:pt idx="562">
                  <c:v>16.399999999999999</c:v>
                </c:pt>
                <c:pt idx="563">
                  <c:v>16.899999999999999</c:v>
                </c:pt>
                <c:pt idx="564">
                  <c:v>16.899999999999999</c:v>
                </c:pt>
                <c:pt idx="565">
                  <c:v>16.7</c:v>
                </c:pt>
                <c:pt idx="566">
                  <c:v>17.100000000000001</c:v>
                </c:pt>
                <c:pt idx="567">
                  <c:v>16.899999999999999</c:v>
                </c:pt>
                <c:pt idx="568">
                  <c:v>16.899999999999999</c:v>
                </c:pt>
                <c:pt idx="569">
                  <c:v>16.8</c:v>
                </c:pt>
                <c:pt idx="570">
                  <c:v>16.7</c:v>
                </c:pt>
                <c:pt idx="571">
                  <c:v>16.7</c:v>
                </c:pt>
                <c:pt idx="572">
                  <c:v>16.5</c:v>
                </c:pt>
                <c:pt idx="573">
                  <c:v>16.8</c:v>
                </c:pt>
                <c:pt idx="574">
                  <c:v>16.8</c:v>
                </c:pt>
                <c:pt idx="575">
                  <c:v>16.899999999999999</c:v>
                </c:pt>
                <c:pt idx="576">
                  <c:v>17.100000000000001</c:v>
                </c:pt>
                <c:pt idx="577">
                  <c:v>16.899999999999999</c:v>
                </c:pt>
                <c:pt idx="578">
                  <c:v>16.7</c:v>
                </c:pt>
                <c:pt idx="579">
                  <c:v>17</c:v>
                </c:pt>
                <c:pt idx="580">
                  <c:v>16.8</c:v>
                </c:pt>
                <c:pt idx="581">
                  <c:v>17</c:v>
                </c:pt>
                <c:pt idx="582">
                  <c:v>17.100000000000001</c:v>
                </c:pt>
                <c:pt idx="583">
                  <c:v>17</c:v>
                </c:pt>
                <c:pt idx="584">
                  <c:v>17.2</c:v>
                </c:pt>
                <c:pt idx="585">
                  <c:v>16.8</c:v>
                </c:pt>
                <c:pt idx="586">
                  <c:v>17</c:v>
                </c:pt>
                <c:pt idx="587">
                  <c:v>17</c:v>
                </c:pt>
                <c:pt idx="588">
                  <c:v>17</c:v>
                </c:pt>
                <c:pt idx="589">
                  <c:v>17.2</c:v>
                </c:pt>
                <c:pt idx="590">
                  <c:v>17</c:v>
                </c:pt>
                <c:pt idx="591">
                  <c:v>17.100000000000001</c:v>
                </c:pt>
                <c:pt idx="592">
                  <c:v>17</c:v>
                </c:pt>
                <c:pt idx="593">
                  <c:v>17</c:v>
                </c:pt>
                <c:pt idx="594">
                  <c:v>17</c:v>
                </c:pt>
                <c:pt idx="595">
                  <c:v>16.899999999999999</c:v>
                </c:pt>
                <c:pt idx="596">
                  <c:v>17.2</c:v>
                </c:pt>
                <c:pt idx="597">
                  <c:v>17.2</c:v>
                </c:pt>
                <c:pt idx="598">
                  <c:v>17.100000000000001</c:v>
                </c:pt>
                <c:pt idx="599">
                  <c:v>16.899999999999999</c:v>
                </c:pt>
                <c:pt idx="600">
                  <c:v>17.2</c:v>
                </c:pt>
                <c:pt idx="601">
                  <c:v>16.899999999999999</c:v>
                </c:pt>
                <c:pt idx="602">
                  <c:v>17.100000000000001</c:v>
                </c:pt>
                <c:pt idx="603">
                  <c:v>16.899999999999999</c:v>
                </c:pt>
                <c:pt idx="604">
                  <c:v>16.8</c:v>
                </c:pt>
                <c:pt idx="605">
                  <c:v>16.899999999999999</c:v>
                </c:pt>
                <c:pt idx="606">
                  <c:v>17</c:v>
                </c:pt>
                <c:pt idx="607">
                  <c:v>16.899999999999999</c:v>
                </c:pt>
                <c:pt idx="608">
                  <c:v>17.100000000000001</c:v>
                </c:pt>
                <c:pt idx="609">
                  <c:v>17.5</c:v>
                </c:pt>
                <c:pt idx="610">
                  <c:v>17.100000000000001</c:v>
                </c:pt>
                <c:pt idx="611">
                  <c:v>17.100000000000001</c:v>
                </c:pt>
                <c:pt idx="612">
                  <c:v>17</c:v>
                </c:pt>
                <c:pt idx="613">
                  <c:v>17.399999999999999</c:v>
                </c:pt>
                <c:pt idx="614">
                  <c:v>16.899999999999999</c:v>
                </c:pt>
                <c:pt idx="615">
                  <c:v>16.8</c:v>
                </c:pt>
                <c:pt idx="616">
                  <c:v>17.100000000000001</c:v>
                </c:pt>
                <c:pt idx="617">
                  <c:v>17.2</c:v>
                </c:pt>
                <c:pt idx="618">
                  <c:v>17.2</c:v>
                </c:pt>
                <c:pt idx="619">
                  <c:v>17.100000000000001</c:v>
                </c:pt>
                <c:pt idx="620">
                  <c:v>16.899999999999999</c:v>
                </c:pt>
                <c:pt idx="621">
                  <c:v>17.2</c:v>
                </c:pt>
                <c:pt idx="622">
                  <c:v>16.899999999999999</c:v>
                </c:pt>
                <c:pt idx="623">
                  <c:v>17.3</c:v>
                </c:pt>
                <c:pt idx="624">
                  <c:v>17.100000000000001</c:v>
                </c:pt>
                <c:pt idx="625">
                  <c:v>17.3</c:v>
                </c:pt>
                <c:pt idx="626">
                  <c:v>17.100000000000001</c:v>
                </c:pt>
                <c:pt idx="627">
                  <c:v>16.899999999999999</c:v>
                </c:pt>
                <c:pt idx="628">
                  <c:v>17</c:v>
                </c:pt>
                <c:pt idx="629">
                  <c:v>17.100000000000001</c:v>
                </c:pt>
                <c:pt idx="630">
                  <c:v>17</c:v>
                </c:pt>
                <c:pt idx="631">
                  <c:v>17.100000000000001</c:v>
                </c:pt>
                <c:pt idx="632">
                  <c:v>17.3</c:v>
                </c:pt>
                <c:pt idx="633">
                  <c:v>17</c:v>
                </c:pt>
                <c:pt idx="634">
                  <c:v>17.100000000000001</c:v>
                </c:pt>
                <c:pt idx="635">
                  <c:v>17.3</c:v>
                </c:pt>
                <c:pt idx="636">
                  <c:v>17.2</c:v>
                </c:pt>
                <c:pt idx="637">
                  <c:v>17.2</c:v>
                </c:pt>
                <c:pt idx="638">
                  <c:v>17.399999999999999</c:v>
                </c:pt>
                <c:pt idx="639">
                  <c:v>17</c:v>
                </c:pt>
                <c:pt idx="640">
                  <c:v>17.399999999999999</c:v>
                </c:pt>
                <c:pt idx="641">
                  <c:v>17.2</c:v>
                </c:pt>
                <c:pt idx="642">
                  <c:v>17.3</c:v>
                </c:pt>
                <c:pt idx="643">
                  <c:v>17</c:v>
                </c:pt>
                <c:pt idx="644">
                  <c:v>17.3</c:v>
                </c:pt>
                <c:pt idx="645">
                  <c:v>17</c:v>
                </c:pt>
                <c:pt idx="646">
                  <c:v>17.2</c:v>
                </c:pt>
                <c:pt idx="647">
                  <c:v>17.2</c:v>
                </c:pt>
                <c:pt idx="648">
                  <c:v>17.2</c:v>
                </c:pt>
                <c:pt idx="649">
                  <c:v>17.100000000000001</c:v>
                </c:pt>
                <c:pt idx="650">
                  <c:v>17</c:v>
                </c:pt>
                <c:pt idx="651">
                  <c:v>17.2</c:v>
                </c:pt>
                <c:pt idx="652">
                  <c:v>17.100000000000001</c:v>
                </c:pt>
                <c:pt idx="653">
                  <c:v>17.3</c:v>
                </c:pt>
                <c:pt idx="654">
                  <c:v>17.100000000000001</c:v>
                </c:pt>
                <c:pt idx="655">
                  <c:v>17.100000000000001</c:v>
                </c:pt>
                <c:pt idx="656">
                  <c:v>17.399999999999999</c:v>
                </c:pt>
                <c:pt idx="657">
                  <c:v>17.2</c:v>
                </c:pt>
                <c:pt idx="658">
                  <c:v>17.100000000000001</c:v>
                </c:pt>
                <c:pt idx="659">
                  <c:v>17.2</c:v>
                </c:pt>
                <c:pt idx="660">
                  <c:v>17.100000000000001</c:v>
                </c:pt>
                <c:pt idx="661">
                  <c:v>17.7</c:v>
                </c:pt>
                <c:pt idx="662">
                  <c:v>17.2</c:v>
                </c:pt>
                <c:pt idx="663">
                  <c:v>17.3</c:v>
                </c:pt>
                <c:pt idx="664">
                  <c:v>17.399999999999999</c:v>
                </c:pt>
                <c:pt idx="665">
                  <c:v>17</c:v>
                </c:pt>
                <c:pt idx="666">
                  <c:v>17.3</c:v>
                </c:pt>
                <c:pt idx="667">
                  <c:v>17.399999999999999</c:v>
                </c:pt>
                <c:pt idx="668">
                  <c:v>17.399999999999999</c:v>
                </c:pt>
                <c:pt idx="669">
                  <c:v>17</c:v>
                </c:pt>
                <c:pt idx="670">
                  <c:v>17.3</c:v>
                </c:pt>
                <c:pt idx="671">
                  <c:v>17.2</c:v>
                </c:pt>
                <c:pt idx="672">
                  <c:v>16.8</c:v>
                </c:pt>
                <c:pt idx="673">
                  <c:v>17.100000000000001</c:v>
                </c:pt>
                <c:pt idx="674">
                  <c:v>17</c:v>
                </c:pt>
                <c:pt idx="675">
                  <c:v>17.3</c:v>
                </c:pt>
                <c:pt idx="676">
                  <c:v>17.3</c:v>
                </c:pt>
                <c:pt idx="677">
                  <c:v>17.3</c:v>
                </c:pt>
                <c:pt idx="678">
                  <c:v>17</c:v>
                </c:pt>
                <c:pt idx="679">
                  <c:v>17.3</c:v>
                </c:pt>
                <c:pt idx="680">
                  <c:v>17.100000000000001</c:v>
                </c:pt>
                <c:pt idx="681">
                  <c:v>17.2</c:v>
                </c:pt>
                <c:pt idx="682">
                  <c:v>17.3</c:v>
                </c:pt>
                <c:pt idx="683">
                  <c:v>17.399999999999999</c:v>
                </c:pt>
                <c:pt idx="684">
                  <c:v>17.100000000000001</c:v>
                </c:pt>
                <c:pt idx="685">
                  <c:v>16.899999999999999</c:v>
                </c:pt>
                <c:pt idx="686">
                  <c:v>17.2</c:v>
                </c:pt>
                <c:pt idx="687">
                  <c:v>17.3</c:v>
                </c:pt>
                <c:pt idx="688">
                  <c:v>17.2</c:v>
                </c:pt>
                <c:pt idx="689">
                  <c:v>17.2</c:v>
                </c:pt>
                <c:pt idx="690">
                  <c:v>17</c:v>
                </c:pt>
                <c:pt idx="691">
                  <c:v>17.2</c:v>
                </c:pt>
                <c:pt idx="692">
                  <c:v>17.2</c:v>
                </c:pt>
                <c:pt idx="693">
                  <c:v>17.5</c:v>
                </c:pt>
                <c:pt idx="694">
                  <c:v>17.2</c:v>
                </c:pt>
                <c:pt idx="695">
                  <c:v>17.3</c:v>
                </c:pt>
                <c:pt idx="696">
                  <c:v>17.5</c:v>
                </c:pt>
                <c:pt idx="697">
                  <c:v>17.100000000000001</c:v>
                </c:pt>
                <c:pt idx="698">
                  <c:v>17.3</c:v>
                </c:pt>
                <c:pt idx="699">
                  <c:v>17.100000000000001</c:v>
                </c:pt>
                <c:pt idx="700">
                  <c:v>17.5</c:v>
                </c:pt>
                <c:pt idx="701">
                  <c:v>17.399999999999999</c:v>
                </c:pt>
                <c:pt idx="702">
                  <c:v>17.2</c:v>
                </c:pt>
                <c:pt idx="703">
                  <c:v>17.2</c:v>
                </c:pt>
                <c:pt idx="704">
                  <c:v>17.3</c:v>
                </c:pt>
                <c:pt idx="705">
                  <c:v>17.399999999999999</c:v>
                </c:pt>
                <c:pt idx="706">
                  <c:v>17.600000000000001</c:v>
                </c:pt>
                <c:pt idx="707">
                  <c:v>17.3</c:v>
                </c:pt>
                <c:pt idx="708">
                  <c:v>17.5</c:v>
                </c:pt>
                <c:pt idx="709">
                  <c:v>17.5</c:v>
                </c:pt>
                <c:pt idx="710">
                  <c:v>17.3</c:v>
                </c:pt>
                <c:pt idx="711">
                  <c:v>17.3</c:v>
                </c:pt>
                <c:pt idx="712">
                  <c:v>17.399999999999999</c:v>
                </c:pt>
                <c:pt idx="713">
                  <c:v>17.3</c:v>
                </c:pt>
                <c:pt idx="714">
                  <c:v>17.5</c:v>
                </c:pt>
                <c:pt idx="715">
                  <c:v>17.600000000000001</c:v>
                </c:pt>
                <c:pt idx="716">
                  <c:v>17.100000000000001</c:v>
                </c:pt>
                <c:pt idx="717">
                  <c:v>17.2</c:v>
                </c:pt>
                <c:pt idx="718">
                  <c:v>17.5</c:v>
                </c:pt>
                <c:pt idx="719">
                  <c:v>17.5</c:v>
                </c:pt>
                <c:pt idx="720">
                  <c:v>17.5</c:v>
                </c:pt>
                <c:pt idx="721">
                  <c:v>17.5</c:v>
                </c:pt>
                <c:pt idx="722">
                  <c:v>17.3</c:v>
                </c:pt>
                <c:pt idx="723">
                  <c:v>17.7</c:v>
                </c:pt>
                <c:pt idx="724">
                  <c:v>17.7</c:v>
                </c:pt>
                <c:pt idx="725">
                  <c:v>17.600000000000001</c:v>
                </c:pt>
                <c:pt idx="726">
                  <c:v>17.399999999999999</c:v>
                </c:pt>
                <c:pt idx="727">
                  <c:v>17.5</c:v>
                </c:pt>
                <c:pt idx="728">
                  <c:v>17.399999999999999</c:v>
                </c:pt>
                <c:pt idx="729">
                  <c:v>17.2</c:v>
                </c:pt>
                <c:pt idx="730">
                  <c:v>17.399999999999999</c:v>
                </c:pt>
                <c:pt idx="731">
                  <c:v>17.100000000000001</c:v>
                </c:pt>
                <c:pt idx="732">
                  <c:v>17.399999999999999</c:v>
                </c:pt>
                <c:pt idx="733">
                  <c:v>17.7</c:v>
                </c:pt>
                <c:pt idx="734">
                  <c:v>17.600000000000001</c:v>
                </c:pt>
                <c:pt idx="735">
                  <c:v>17.3</c:v>
                </c:pt>
                <c:pt idx="736">
                  <c:v>17.3</c:v>
                </c:pt>
                <c:pt idx="737">
                  <c:v>17.5</c:v>
                </c:pt>
                <c:pt idx="738">
                  <c:v>17.399999999999999</c:v>
                </c:pt>
                <c:pt idx="739">
                  <c:v>17.600000000000001</c:v>
                </c:pt>
                <c:pt idx="740">
                  <c:v>17.600000000000001</c:v>
                </c:pt>
                <c:pt idx="741">
                  <c:v>17.399999999999999</c:v>
                </c:pt>
                <c:pt idx="742">
                  <c:v>17.3</c:v>
                </c:pt>
                <c:pt idx="743">
                  <c:v>17.399999999999999</c:v>
                </c:pt>
                <c:pt idx="744">
                  <c:v>17.399999999999999</c:v>
                </c:pt>
                <c:pt idx="745">
                  <c:v>17.5</c:v>
                </c:pt>
                <c:pt idx="746">
                  <c:v>17.600000000000001</c:v>
                </c:pt>
                <c:pt idx="747">
                  <c:v>17.5</c:v>
                </c:pt>
                <c:pt idx="748">
                  <c:v>17</c:v>
                </c:pt>
                <c:pt idx="749">
                  <c:v>17</c:v>
                </c:pt>
                <c:pt idx="750">
                  <c:v>17.7</c:v>
                </c:pt>
                <c:pt idx="751">
                  <c:v>17.399999999999999</c:v>
                </c:pt>
                <c:pt idx="752">
                  <c:v>17.600000000000001</c:v>
                </c:pt>
                <c:pt idx="753">
                  <c:v>17.100000000000001</c:v>
                </c:pt>
                <c:pt idx="754">
                  <c:v>17.5</c:v>
                </c:pt>
                <c:pt idx="755">
                  <c:v>17.2</c:v>
                </c:pt>
                <c:pt idx="756">
                  <c:v>17.3</c:v>
                </c:pt>
                <c:pt idx="757">
                  <c:v>17.5</c:v>
                </c:pt>
                <c:pt idx="758">
                  <c:v>17.5</c:v>
                </c:pt>
                <c:pt idx="759">
                  <c:v>17.3</c:v>
                </c:pt>
                <c:pt idx="760">
                  <c:v>17.3</c:v>
                </c:pt>
                <c:pt idx="761">
                  <c:v>17.600000000000001</c:v>
                </c:pt>
                <c:pt idx="762">
                  <c:v>17.600000000000001</c:v>
                </c:pt>
                <c:pt idx="763">
                  <c:v>17.3</c:v>
                </c:pt>
                <c:pt idx="764">
                  <c:v>17.600000000000001</c:v>
                </c:pt>
                <c:pt idx="765">
                  <c:v>17.399999999999999</c:v>
                </c:pt>
                <c:pt idx="766">
                  <c:v>17.2</c:v>
                </c:pt>
                <c:pt idx="767">
                  <c:v>17.5</c:v>
                </c:pt>
                <c:pt idx="768">
                  <c:v>17.600000000000001</c:v>
                </c:pt>
                <c:pt idx="769">
                  <c:v>17.7</c:v>
                </c:pt>
                <c:pt idx="770">
                  <c:v>17.899999999999999</c:v>
                </c:pt>
                <c:pt idx="771">
                  <c:v>17.600000000000001</c:v>
                </c:pt>
                <c:pt idx="772">
                  <c:v>17.600000000000001</c:v>
                </c:pt>
                <c:pt idx="773">
                  <c:v>17.399999999999999</c:v>
                </c:pt>
                <c:pt idx="774">
                  <c:v>17.600000000000001</c:v>
                </c:pt>
                <c:pt idx="775">
                  <c:v>17.5</c:v>
                </c:pt>
                <c:pt idx="776">
                  <c:v>17.3</c:v>
                </c:pt>
                <c:pt idx="777">
                  <c:v>17.5</c:v>
                </c:pt>
                <c:pt idx="778">
                  <c:v>17.5</c:v>
                </c:pt>
                <c:pt idx="779">
                  <c:v>17.3</c:v>
                </c:pt>
                <c:pt idx="780">
                  <c:v>17.5</c:v>
                </c:pt>
                <c:pt idx="781">
                  <c:v>17.5</c:v>
                </c:pt>
                <c:pt idx="782">
                  <c:v>17.5</c:v>
                </c:pt>
                <c:pt idx="783">
                  <c:v>17.8</c:v>
                </c:pt>
                <c:pt idx="784">
                  <c:v>17.399999999999999</c:v>
                </c:pt>
                <c:pt idx="785">
                  <c:v>17.7</c:v>
                </c:pt>
                <c:pt idx="786">
                  <c:v>17.5</c:v>
                </c:pt>
                <c:pt idx="787">
                  <c:v>17.8</c:v>
                </c:pt>
                <c:pt idx="788">
                  <c:v>17.8</c:v>
                </c:pt>
                <c:pt idx="789">
                  <c:v>17.5</c:v>
                </c:pt>
                <c:pt idx="790">
                  <c:v>17.5</c:v>
                </c:pt>
                <c:pt idx="791">
                  <c:v>17.899999999999999</c:v>
                </c:pt>
                <c:pt idx="792">
                  <c:v>17.399999999999999</c:v>
                </c:pt>
                <c:pt idx="793">
                  <c:v>17.399999999999999</c:v>
                </c:pt>
                <c:pt idx="794">
                  <c:v>17.399999999999999</c:v>
                </c:pt>
                <c:pt idx="795">
                  <c:v>17.3</c:v>
                </c:pt>
                <c:pt idx="796">
                  <c:v>17.2</c:v>
                </c:pt>
                <c:pt idx="797">
                  <c:v>17.600000000000001</c:v>
                </c:pt>
                <c:pt idx="798">
                  <c:v>17.600000000000001</c:v>
                </c:pt>
                <c:pt idx="799">
                  <c:v>17.5</c:v>
                </c:pt>
                <c:pt idx="800">
                  <c:v>17.7</c:v>
                </c:pt>
                <c:pt idx="801">
                  <c:v>17.7</c:v>
                </c:pt>
                <c:pt idx="802">
                  <c:v>17.899999999999999</c:v>
                </c:pt>
                <c:pt idx="803">
                  <c:v>17.399999999999999</c:v>
                </c:pt>
                <c:pt idx="804">
                  <c:v>17.7</c:v>
                </c:pt>
                <c:pt idx="805">
                  <c:v>17.600000000000001</c:v>
                </c:pt>
                <c:pt idx="806">
                  <c:v>17.7</c:v>
                </c:pt>
                <c:pt idx="807">
                  <c:v>17.5</c:v>
                </c:pt>
                <c:pt idx="808">
                  <c:v>17.3</c:v>
                </c:pt>
                <c:pt idx="809">
                  <c:v>17.600000000000001</c:v>
                </c:pt>
                <c:pt idx="810">
                  <c:v>17.600000000000001</c:v>
                </c:pt>
                <c:pt idx="811">
                  <c:v>17.7</c:v>
                </c:pt>
                <c:pt idx="812">
                  <c:v>17.7</c:v>
                </c:pt>
                <c:pt idx="813">
                  <c:v>17.600000000000001</c:v>
                </c:pt>
                <c:pt idx="814">
                  <c:v>17.7</c:v>
                </c:pt>
                <c:pt idx="815">
                  <c:v>17.7</c:v>
                </c:pt>
                <c:pt idx="816">
                  <c:v>17.7</c:v>
                </c:pt>
                <c:pt idx="817">
                  <c:v>17.600000000000001</c:v>
                </c:pt>
                <c:pt idx="818">
                  <c:v>17.7</c:v>
                </c:pt>
                <c:pt idx="819">
                  <c:v>17.7</c:v>
                </c:pt>
                <c:pt idx="820">
                  <c:v>17.600000000000001</c:v>
                </c:pt>
                <c:pt idx="821">
                  <c:v>17.600000000000001</c:v>
                </c:pt>
                <c:pt idx="822">
                  <c:v>17.8</c:v>
                </c:pt>
                <c:pt idx="823">
                  <c:v>17.5</c:v>
                </c:pt>
                <c:pt idx="824">
                  <c:v>18</c:v>
                </c:pt>
                <c:pt idx="825">
                  <c:v>17.5</c:v>
                </c:pt>
                <c:pt idx="826">
                  <c:v>17.600000000000001</c:v>
                </c:pt>
                <c:pt idx="827">
                  <c:v>17.7</c:v>
                </c:pt>
                <c:pt idx="828">
                  <c:v>17.5</c:v>
                </c:pt>
                <c:pt idx="829">
                  <c:v>17.899999999999999</c:v>
                </c:pt>
                <c:pt idx="830">
                  <c:v>17.399999999999999</c:v>
                </c:pt>
                <c:pt idx="831">
                  <c:v>17.5</c:v>
                </c:pt>
                <c:pt idx="832">
                  <c:v>17.8</c:v>
                </c:pt>
                <c:pt idx="833">
                  <c:v>17.8</c:v>
                </c:pt>
                <c:pt idx="834">
                  <c:v>17.399999999999999</c:v>
                </c:pt>
                <c:pt idx="835">
                  <c:v>17.399999999999999</c:v>
                </c:pt>
                <c:pt idx="836">
                  <c:v>17.7</c:v>
                </c:pt>
                <c:pt idx="837">
                  <c:v>17.600000000000001</c:v>
                </c:pt>
                <c:pt idx="838">
                  <c:v>17.8</c:v>
                </c:pt>
                <c:pt idx="839">
                  <c:v>17.5</c:v>
                </c:pt>
                <c:pt idx="840">
                  <c:v>17.5</c:v>
                </c:pt>
                <c:pt idx="841">
                  <c:v>17.7</c:v>
                </c:pt>
                <c:pt idx="842">
                  <c:v>17.399999999999999</c:v>
                </c:pt>
                <c:pt idx="843">
                  <c:v>17.8</c:v>
                </c:pt>
                <c:pt idx="844">
                  <c:v>17.600000000000001</c:v>
                </c:pt>
                <c:pt idx="845">
                  <c:v>17.600000000000001</c:v>
                </c:pt>
                <c:pt idx="846">
                  <c:v>17.399999999999999</c:v>
                </c:pt>
                <c:pt idx="847">
                  <c:v>17.899999999999999</c:v>
                </c:pt>
                <c:pt idx="848">
                  <c:v>17.7</c:v>
                </c:pt>
                <c:pt idx="849">
                  <c:v>17.600000000000001</c:v>
                </c:pt>
                <c:pt idx="850">
                  <c:v>17.399999999999999</c:v>
                </c:pt>
                <c:pt idx="851">
                  <c:v>17.600000000000001</c:v>
                </c:pt>
                <c:pt idx="852">
                  <c:v>17.399999999999999</c:v>
                </c:pt>
                <c:pt idx="853">
                  <c:v>17.399999999999999</c:v>
                </c:pt>
                <c:pt idx="854">
                  <c:v>17.600000000000001</c:v>
                </c:pt>
                <c:pt idx="855">
                  <c:v>17.8</c:v>
                </c:pt>
                <c:pt idx="856">
                  <c:v>17.8</c:v>
                </c:pt>
                <c:pt idx="857">
                  <c:v>17.5</c:v>
                </c:pt>
                <c:pt idx="858">
                  <c:v>18</c:v>
                </c:pt>
                <c:pt idx="859">
                  <c:v>17.7</c:v>
                </c:pt>
                <c:pt idx="860">
                  <c:v>17.7</c:v>
                </c:pt>
                <c:pt idx="861">
                  <c:v>17.5</c:v>
                </c:pt>
                <c:pt idx="862">
                  <c:v>17.7</c:v>
                </c:pt>
                <c:pt idx="863">
                  <c:v>17.8</c:v>
                </c:pt>
                <c:pt idx="864">
                  <c:v>18.100000000000001</c:v>
                </c:pt>
                <c:pt idx="865">
                  <c:v>17.7</c:v>
                </c:pt>
                <c:pt idx="866">
                  <c:v>17.899999999999999</c:v>
                </c:pt>
                <c:pt idx="867">
                  <c:v>17.399999999999999</c:v>
                </c:pt>
                <c:pt idx="868">
                  <c:v>17.899999999999999</c:v>
                </c:pt>
                <c:pt idx="869">
                  <c:v>18.100000000000001</c:v>
                </c:pt>
                <c:pt idx="870">
                  <c:v>17.7</c:v>
                </c:pt>
                <c:pt idx="871">
                  <c:v>17.5</c:v>
                </c:pt>
                <c:pt idx="872">
                  <c:v>17.899999999999999</c:v>
                </c:pt>
                <c:pt idx="873">
                  <c:v>17.8</c:v>
                </c:pt>
                <c:pt idx="874">
                  <c:v>17.5</c:v>
                </c:pt>
                <c:pt idx="875">
                  <c:v>17.8</c:v>
                </c:pt>
                <c:pt idx="876">
                  <c:v>17.8</c:v>
                </c:pt>
                <c:pt idx="877">
                  <c:v>17.899999999999999</c:v>
                </c:pt>
                <c:pt idx="878">
                  <c:v>17.7</c:v>
                </c:pt>
                <c:pt idx="879">
                  <c:v>17.8</c:v>
                </c:pt>
                <c:pt idx="880">
                  <c:v>17.7</c:v>
                </c:pt>
                <c:pt idx="881">
                  <c:v>17.7</c:v>
                </c:pt>
                <c:pt idx="882">
                  <c:v>17.899999999999999</c:v>
                </c:pt>
                <c:pt idx="883">
                  <c:v>17.899999999999999</c:v>
                </c:pt>
                <c:pt idx="884">
                  <c:v>17.899999999999999</c:v>
                </c:pt>
                <c:pt idx="885">
                  <c:v>17.7</c:v>
                </c:pt>
                <c:pt idx="886">
                  <c:v>17.600000000000001</c:v>
                </c:pt>
                <c:pt idx="887">
                  <c:v>17.8</c:v>
                </c:pt>
                <c:pt idx="888">
                  <c:v>17.899999999999999</c:v>
                </c:pt>
                <c:pt idx="889">
                  <c:v>18.100000000000001</c:v>
                </c:pt>
                <c:pt idx="890">
                  <c:v>17.600000000000001</c:v>
                </c:pt>
                <c:pt idx="891">
                  <c:v>17.600000000000001</c:v>
                </c:pt>
                <c:pt idx="892">
                  <c:v>17.600000000000001</c:v>
                </c:pt>
                <c:pt idx="893">
                  <c:v>18</c:v>
                </c:pt>
                <c:pt idx="894">
                  <c:v>17.600000000000001</c:v>
                </c:pt>
                <c:pt idx="895">
                  <c:v>18</c:v>
                </c:pt>
                <c:pt idx="896">
                  <c:v>17.600000000000001</c:v>
                </c:pt>
                <c:pt idx="897">
                  <c:v>17.7</c:v>
                </c:pt>
                <c:pt idx="898">
                  <c:v>17.899999999999999</c:v>
                </c:pt>
                <c:pt idx="899">
                  <c:v>17.899999999999999</c:v>
                </c:pt>
                <c:pt idx="900">
                  <c:v>18.100000000000001</c:v>
                </c:pt>
                <c:pt idx="901">
                  <c:v>17.7</c:v>
                </c:pt>
                <c:pt idx="902">
                  <c:v>17.899999999999999</c:v>
                </c:pt>
                <c:pt idx="903">
                  <c:v>18.100000000000001</c:v>
                </c:pt>
                <c:pt idx="904">
                  <c:v>17.8</c:v>
                </c:pt>
                <c:pt idx="905">
                  <c:v>17.8</c:v>
                </c:pt>
                <c:pt idx="906">
                  <c:v>17.8</c:v>
                </c:pt>
                <c:pt idx="907">
                  <c:v>17.600000000000001</c:v>
                </c:pt>
                <c:pt idx="908">
                  <c:v>18.100000000000001</c:v>
                </c:pt>
                <c:pt idx="909">
                  <c:v>17.899999999999999</c:v>
                </c:pt>
                <c:pt idx="910">
                  <c:v>18</c:v>
                </c:pt>
                <c:pt idx="911">
                  <c:v>17.899999999999999</c:v>
                </c:pt>
                <c:pt idx="912">
                  <c:v>18</c:v>
                </c:pt>
                <c:pt idx="913">
                  <c:v>17.7</c:v>
                </c:pt>
                <c:pt idx="914">
                  <c:v>18</c:v>
                </c:pt>
                <c:pt idx="915">
                  <c:v>17.899999999999999</c:v>
                </c:pt>
                <c:pt idx="916">
                  <c:v>17.8</c:v>
                </c:pt>
                <c:pt idx="917">
                  <c:v>17.600000000000001</c:v>
                </c:pt>
                <c:pt idx="918">
                  <c:v>17.2</c:v>
                </c:pt>
                <c:pt idx="919">
                  <c:v>17.899999999999999</c:v>
                </c:pt>
                <c:pt idx="920">
                  <c:v>17.600000000000001</c:v>
                </c:pt>
                <c:pt idx="921">
                  <c:v>17.8</c:v>
                </c:pt>
                <c:pt idx="922">
                  <c:v>17.600000000000001</c:v>
                </c:pt>
                <c:pt idx="923">
                  <c:v>17.8</c:v>
                </c:pt>
                <c:pt idx="924">
                  <c:v>18</c:v>
                </c:pt>
                <c:pt idx="925">
                  <c:v>17.8</c:v>
                </c:pt>
                <c:pt idx="926">
                  <c:v>17.8</c:v>
                </c:pt>
                <c:pt idx="927">
                  <c:v>18</c:v>
                </c:pt>
                <c:pt idx="928">
                  <c:v>17.7</c:v>
                </c:pt>
                <c:pt idx="929">
                  <c:v>17.8</c:v>
                </c:pt>
                <c:pt idx="930">
                  <c:v>18</c:v>
                </c:pt>
                <c:pt idx="931">
                  <c:v>17.600000000000001</c:v>
                </c:pt>
                <c:pt idx="932">
                  <c:v>18</c:v>
                </c:pt>
                <c:pt idx="933">
                  <c:v>17.7</c:v>
                </c:pt>
                <c:pt idx="934">
                  <c:v>17.899999999999999</c:v>
                </c:pt>
                <c:pt idx="935">
                  <c:v>17.899999999999999</c:v>
                </c:pt>
                <c:pt idx="936">
                  <c:v>18</c:v>
                </c:pt>
                <c:pt idx="937">
                  <c:v>17.8</c:v>
                </c:pt>
                <c:pt idx="938">
                  <c:v>17.8</c:v>
                </c:pt>
                <c:pt idx="939">
                  <c:v>17.899999999999999</c:v>
                </c:pt>
                <c:pt idx="940">
                  <c:v>17.899999999999999</c:v>
                </c:pt>
                <c:pt idx="941">
                  <c:v>17.899999999999999</c:v>
                </c:pt>
                <c:pt idx="942">
                  <c:v>17.600000000000001</c:v>
                </c:pt>
                <c:pt idx="943">
                  <c:v>17.600000000000001</c:v>
                </c:pt>
                <c:pt idx="944">
                  <c:v>17.7</c:v>
                </c:pt>
                <c:pt idx="945">
                  <c:v>17.8</c:v>
                </c:pt>
                <c:pt idx="946">
                  <c:v>17.7</c:v>
                </c:pt>
                <c:pt idx="947">
                  <c:v>18.100000000000001</c:v>
                </c:pt>
                <c:pt idx="948">
                  <c:v>18.2</c:v>
                </c:pt>
                <c:pt idx="949">
                  <c:v>17.600000000000001</c:v>
                </c:pt>
                <c:pt idx="950">
                  <c:v>17.899999999999999</c:v>
                </c:pt>
                <c:pt idx="951">
                  <c:v>17.8</c:v>
                </c:pt>
                <c:pt idx="952">
                  <c:v>17.5</c:v>
                </c:pt>
                <c:pt idx="953">
                  <c:v>17.600000000000001</c:v>
                </c:pt>
                <c:pt idx="954">
                  <c:v>17.899999999999999</c:v>
                </c:pt>
                <c:pt idx="955">
                  <c:v>17.899999999999999</c:v>
                </c:pt>
                <c:pt idx="956">
                  <c:v>18.2</c:v>
                </c:pt>
                <c:pt idx="957">
                  <c:v>18.100000000000001</c:v>
                </c:pt>
                <c:pt idx="958">
                  <c:v>17.899999999999999</c:v>
                </c:pt>
                <c:pt idx="959">
                  <c:v>18</c:v>
                </c:pt>
                <c:pt idx="960">
                  <c:v>17.8</c:v>
                </c:pt>
                <c:pt idx="961">
                  <c:v>17.7</c:v>
                </c:pt>
                <c:pt idx="962">
                  <c:v>18</c:v>
                </c:pt>
                <c:pt idx="963">
                  <c:v>17.5</c:v>
                </c:pt>
                <c:pt idx="964">
                  <c:v>17.899999999999999</c:v>
                </c:pt>
                <c:pt idx="965">
                  <c:v>17.7</c:v>
                </c:pt>
                <c:pt idx="966">
                  <c:v>18.100000000000001</c:v>
                </c:pt>
                <c:pt idx="967">
                  <c:v>18</c:v>
                </c:pt>
                <c:pt idx="968">
                  <c:v>18.2</c:v>
                </c:pt>
                <c:pt idx="969">
                  <c:v>18.2</c:v>
                </c:pt>
                <c:pt idx="970">
                  <c:v>17.8</c:v>
                </c:pt>
                <c:pt idx="971">
                  <c:v>17.7</c:v>
                </c:pt>
                <c:pt idx="972">
                  <c:v>17.899999999999999</c:v>
                </c:pt>
                <c:pt idx="973">
                  <c:v>18.100000000000001</c:v>
                </c:pt>
                <c:pt idx="974">
                  <c:v>17.899999999999999</c:v>
                </c:pt>
                <c:pt idx="975">
                  <c:v>17.899999999999999</c:v>
                </c:pt>
                <c:pt idx="976">
                  <c:v>18</c:v>
                </c:pt>
                <c:pt idx="977">
                  <c:v>17.899999999999999</c:v>
                </c:pt>
                <c:pt idx="978">
                  <c:v>17.899999999999999</c:v>
                </c:pt>
                <c:pt idx="979">
                  <c:v>17.899999999999999</c:v>
                </c:pt>
                <c:pt idx="980">
                  <c:v>17.7</c:v>
                </c:pt>
                <c:pt idx="981">
                  <c:v>18.100000000000001</c:v>
                </c:pt>
                <c:pt idx="982">
                  <c:v>17.899999999999999</c:v>
                </c:pt>
                <c:pt idx="983">
                  <c:v>17.899999999999999</c:v>
                </c:pt>
                <c:pt idx="984">
                  <c:v>17.8</c:v>
                </c:pt>
                <c:pt idx="985">
                  <c:v>18.2</c:v>
                </c:pt>
                <c:pt idx="986">
                  <c:v>17.7</c:v>
                </c:pt>
                <c:pt idx="987">
                  <c:v>18.100000000000001</c:v>
                </c:pt>
                <c:pt idx="988">
                  <c:v>18.2</c:v>
                </c:pt>
                <c:pt idx="989">
                  <c:v>18.2</c:v>
                </c:pt>
                <c:pt idx="990">
                  <c:v>18.100000000000001</c:v>
                </c:pt>
                <c:pt idx="991">
                  <c:v>18.2</c:v>
                </c:pt>
                <c:pt idx="992">
                  <c:v>17.7</c:v>
                </c:pt>
                <c:pt idx="993">
                  <c:v>17.899999999999999</c:v>
                </c:pt>
                <c:pt idx="994">
                  <c:v>18.2</c:v>
                </c:pt>
                <c:pt idx="995">
                  <c:v>17.899999999999999</c:v>
                </c:pt>
                <c:pt idx="996">
                  <c:v>17.899999999999999</c:v>
                </c:pt>
                <c:pt idx="997">
                  <c:v>18</c:v>
                </c:pt>
                <c:pt idx="998">
                  <c:v>18</c:v>
                </c:pt>
                <c:pt idx="999">
                  <c:v>18.2</c:v>
                </c:pt>
                <c:pt idx="1000">
                  <c:v>18</c:v>
                </c:pt>
                <c:pt idx="1001">
                  <c:v>17.899999999999999</c:v>
                </c:pt>
                <c:pt idx="1002">
                  <c:v>18.100000000000001</c:v>
                </c:pt>
                <c:pt idx="1003">
                  <c:v>17.899999999999999</c:v>
                </c:pt>
                <c:pt idx="1004">
                  <c:v>18</c:v>
                </c:pt>
                <c:pt idx="1005">
                  <c:v>17.8</c:v>
                </c:pt>
                <c:pt idx="1006">
                  <c:v>18</c:v>
                </c:pt>
                <c:pt idx="1007">
                  <c:v>17.899999999999999</c:v>
                </c:pt>
                <c:pt idx="1008">
                  <c:v>18</c:v>
                </c:pt>
                <c:pt idx="1009">
                  <c:v>18.100000000000001</c:v>
                </c:pt>
                <c:pt idx="1010">
                  <c:v>17.8</c:v>
                </c:pt>
                <c:pt idx="1011">
                  <c:v>18.100000000000001</c:v>
                </c:pt>
                <c:pt idx="1012">
                  <c:v>17.899999999999999</c:v>
                </c:pt>
                <c:pt idx="1013">
                  <c:v>17.899999999999999</c:v>
                </c:pt>
                <c:pt idx="1014">
                  <c:v>17.8</c:v>
                </c:pt>
                <c:pt idx="1015">
                  <c:v>17.899999999999999</c:v>
                </c:pt>
                <c:pt idx="1016">
                  <c:v>18</c:v>
                </c:pt>
                <c:pt idx="1017">
                  <c:v>17.8</c:v>
                </c:pt>
                <c:pt idx="1018">
                  <c:v>18</c:v>
                </c:pt>
                <c:pt idx="1019">
                  <c:v>18.100000000000001</c:v>
                </c:pt>
                <c:pt idx="1020">
                  <c:v>18.100000000000001</c:v>
                </c:pt>
                <c:pt idx="1021">
                  <c:v>18.2</c:v>
                </c:pt>
                <c:pt idx="1022">
                  <c:v>18.399999999999999</c:v>
                </c:pt>
                <c:pt idx="1023">
                  <c:v>18.2</c:v>
                </c:pt>
                <c:pt idx="1024">
                  <c:v>18</c:v>
                </c:pt>
                <c:pt idx="1025">
                  <c:v>17.8</c:v>
                </c:pt>
                <c:pt idx="1026">
                  <c:v>17.7</c:v>
                </c:pt>
                <c:pt idx="1027">
                  <c:v>18.2</c:v>
                </c:pt>
                <c:pt idx="1028">
                  <c:v>17.899999999999999</c:v>
                </c:pt>
                <c:pt idx="1029">
                  <c:v>18.100000000000001</c:v>
                </c:pt>
                <c:pt idx="1030">
                  <c:v>18.2</c:v>
                </c:pt>
                <c:pt idx="1031">
                  <c:v>18.2</c:v>
                </c:pt>
                <c:pt idx="1032">
                  <c:v>18</c:v>
                </c:pt>
                <c:pt idx="1033">
                  <c:v>18.399999999999999</c:v>
                </c:pt>
                <c:pt idx="1034">
                  <c:v>18</c:v>
                </c:pt>
                <c:pt idx="1035">
                  <c:v>18</c:v>
                </c:pt>
                <c:pt idx="1036">
                  <c:v>18.2</c:v>
                </c:pt>
                <c:pt idx="1037">
                  <c:v>17.899999999999999</c:v>
                </c:pt>
                <c:pt idx="1038">
                  <c:v>18</c:v>
                </c:pt>
                <c:pt idx="1039">
                  <c:v>17.899999999999999</c:v>
                </c:pt>
                <c:pt idx="1040">
                  <c:v>18.2</c:v>
                </c:pt>
                <c:pt idx="1041">
                  <c:v>18.2</c:v>
                </c:pt>
                <c:pt idx="1042">
                  <c:v>18.100000000000001</c:v>
                </c:pt>
                <c:pt idx="1043">
                  <c:v>18.100000000000001</c:v>
                </c:pt>
                <c:pt idx="1044">
                  <c:v>18.2</c:v>
                </c:pt>
                <c:pt idx="1045">
                  <c:v>17.7</c:v>
                </c:pt>
                <c:pt idx="1046">
                  <c:v>18</c:v>
                </c:pt>
                <c:pt idx="1047">
                  <c:v>18.2</c:v>
                </c:pt>
                <c:pt idx="1048">
                  <c:v>18.399999999999999</c:v>
                </c:pt>
                <c:pt idx="1049">
                  <c:v>17.8</c:v>
                </c:pt>
                <c:pt idx="1050">
                  <c:v>18</c:v>
                </c:pt>
                <c:pt idx="1051">
                  <c:v>17.899999999999999</c:v>
                </c:pt>
                <c:pt idx="1052">
                  <c:v>18.399999999999999</c:v>
                </c:pt>
                <c:pt idx="1053">
                  <c:v>17.7</c:v>
                </c:pt>
                <c:pt idx="1054">
                  <c:v>18.2</c:v>
                </c:pt>
                <c:pt idx="1055">
                  <c:v>18.100000000000001</c:v>
                </c:pt>
                <c:pt idx="1056">
                  <c:v>17.899999999999999</c:v>
                </c:pt>
                <c:pt idx="1057">
                  <c:v>18.399999999999999</c:v>
                </c:pt>
                <c:pt idx="1058">
                  <c:v>18.100000000000001</c:v>
                </c:pt>
                <c:pt idx="1059">
                  <c:v>18.100000000000001</c:v>
                </c:pt>
                <c:pt idx="1060">
                  <c:v>18</c:v>
                </c:pt>
                <c:pt idx="1061">
                  <c:v>18.399999999999999</c:v>
                </c:pt>
                <c:pt idx="1062">
                  <c:v>18.2</c:v>
                </c:pt>
                <c:pt idx="1063">
                  <c:v>18.399999999999999</c:v>
                </c:pt>
                <c:pt idx="1064">
                  <c:v>17.899999999999999</c:v>
                </c:pt>
                <c:pt idx="1065">
                  <c:v>18</c:v>
                </c:pt>
                <c:pt idx="1066">
                  <c:v>18.2</c:v>
                </c:pt>
                <c:pt idx="1067">
                  <c:v>18</c:v>
                </c:pt>
                <c:pt idx="1068">
                  <c:v>18.100000000000001</c:v>
                </c:pt>
                <c:pt idx="1069">
                  <c:v>17.899999999999999</c:v>
                </c:pt>
                <c:pt idx="1070">
                  <c:v>18.399999999999999</c:v>
                </c:pt>
                <c:pt idx="1071">
                  <c:v>18.2</c:v>
                </c:pt>
                <c:pt idx="1072">
                  <c:v>17.899999999999999</c:v>
                </c:pt>
                <c:pt idx="1073">
                  <c:v>18.2</c:v>
                </c:pt>
                <c:pt idx="1074">
                  <c:v>18</c:v>
                </c:pt>
                <c:pt idx="1075">
                  <c:v>18.100000000000001</c:v>
                </c:pt>
                <c:pt idx="1076">
                  <c:v>18.100000000000001</c:v>
                </c:pt>
                <c:pt idx="1077">
                  <c:v>18.100000000000001</c:v>
                </c:pt>
                <c:pt idx="1078">
                  <c:v>18</c:v>
                </c:pt>
                <c:pt idx="1079">
                  <c:v>18.2</c:v>
                </c:pt>
                <c:pt idx="1080">
                  <c:v>18.399999999999999</c:v>
                </c:pt>
                <c:pt idx="1081">
                  <c:v>18</c:v>
                </c:pt>
                <c:pt idx="1082">
                  <c:v>18.2</c:v>
                </c:pt>
                <c:pt idx="1083">
                  <c:v>18</c:v>
                </c:pt>
                <c:pt idx="1084">
                  <c:v>18.2</c:v>
                </c:pt>
                <c:pt idx="1085">
                  <c:v>18.100000000000001</c:v>
                </c:pt>
                <c:pt idx="1086">
                  <c:v>18.399999999999999</c:v>
                </c:pt>
                <c:pt idx="1087">
                  <c:v>18.399999999999999</c:v>
                </c:pt>
                <c:pt idx="1088">
                  <c:v>18.399999999999999</c:v>
                </c:pt>
                <c:pt idx="1089">
                  <c:v>18.100000000000001</c:v>
                </c:pt>
                <c:pt idx="1090">
                  <c:v>18.100000000000001</c:v>
                </c:pt>
                <c:pt idx="1091">
                  <c:v>18.2</c:v>
                </c:pt>
                <c:pt idx="1092">
                  <c:v>18.2</c:v>
                </c:pt>
                <c:pt idx="1093">
                  <c:v>18.399999999999999</c:v>
                </c:pt>
                <c:pt idx="1094">
                  <c:v>18.100000000000001</c:v>
                </c:pt>
                <c:pt idx="1095">
                  <c:v>18.399999999999999</c:v>
                </c:pt>
                <c:pt idx="1096">
                  <c:v>17.7</c:v>
                </c:pt>
                <c:pt idx="1097">
                  <c:v>18.2</c:v>
                </c:pt>
                <c:pt idx="1098">
                  <c:v>18</c:v>
                </c:pt>
                <c:pt idx="1099">
                  <c:v>18.399999999999999</c:v>
                </c:pt>
                <c:pt idx="1100">
                  <c:v>18</c:v>
                </c:pt>
                <c:pt idx="1101">
                  <c:v>18.5</c:v>
                </c:pt>
                <c:pt idx="1102">
                  <c:v>18.399999999999999</c:v>
                </c:pt>
                <c:pt idx="1103">
                  <c:v>18.5</c:v>
                </c:pt>
                <c:pt idx="1104">
                  <c:v>18.2</c:v>
                </c:pt>
                <c:pt idx="1105">
                  <c:v>18.2</c:v>
                </c:pt>
                <c:pt idx="1106">
                  <c:v>18.2</c:v>
                </c:pt>
                <c:pt idx="1107">
                  <c:v>18.600000000000001</c:v>
                </c:pt>
                <c:pt idx="1108">
                  <c:v>17.899999999999999</c:v>
                </c:pt>
                <c:pt idx="1109">
                  <c:v>18.5</c:v>
                </c:pt>
                <c:pt idx="1110">
                  <c:v>18.5</c:v>
                </c:pt>
                <c:pt idx="1111">
                  <c:v>18</c:v>
                </c:pt>
                <c:pt idx="1112">
                  <c:v>18.2</c:v>
                </c:pt>
                <c:pt idx="1113">
                  <c:v>18.100000000000001</c:v>
                </c:pt>
                <c:pt idx="1114">
                  <c:v>18</c:v>
                </c:pt>
                <c:pt idx="1115">
                  <c:v>18.2</c:v>
                </c:pt>
                <c:pt idx="1116">
                  <c:v>18.5</c:v>
                </c:pt>
                <c:pt idx="1117">
                  <c:v>18.2</c:v>
                </c:pt>
                <c:pt idx="1118">
                  <c:v>18.2</c:v>
                </c:pt>
                <c:pt idx="1119">
                  <c:v>18</c:v>
                </c:pt>
                <c:pt idx="1120">
                  <c:v>18</c:v>
                </c:pt>
                <c:pt idx="1121">
                  <c:v>18.100000000000001</c:v>
                </c:pt>
                <c:pt idx="1122">
                  <c:v>18.399999999999999</c:v>
                </c:pt>
                <c:pt idx="1123">
                  <c:v>18.5</c:v>
                </c:pt>
                <c:pt idx="1124">
                  <c:v>18.2</c:v>
                </c:pt>
                <c:pt idx="1125">
                  <c:v>18.2</c:v>
                </c:pt>
                <c:pt idx="1126">
                  <c:v>18.399999999999999</c:v>
                </c:pt>
                <c:pt idx="1127">
                  <c:v>18.7</c:v>
                </c:pt>
                <c:pt idx="1128">
                  <c:v>18.8</c:v>
                </c:pt>
                <c:pt idx="1129">
                  <c:v>18.399999999999999</c:v>
                </c:pt>
                <c:pt idx="1130">
                  <c:v>18.399999999999999</c:v>
                </c:pt>
                <c:pt idx="1131">
                  <c:v>18.399999999999999</c:v>
                </c:pt>
                <c:pt idx="1132">
                  <c:v>18.2</c:v>
                </c:pt>
                <c:pt idx="1133">
                  <c:v>18.100000000000001</c:v>
                </c:pt>
                <c:pt idx="1134">
                  <c:v>18.600000000000001</c:v>
                </c:pt>
                <c:pt idx="1135">
                  <c:v>18</c:v>
                </c:pt>
                <c:pt idx="1136">
                  <c:v>18</c:v>
                </c:pt>
                <c:pt idx="1137">
                  <c:v>18.5</c:v>
                </c:pt>
                <c:pt idx="1138">
                  <c:v>18.399999999999999</c:v>
                </c:pt>
                <c:pt idx="1139">
                  <c:v>18.399999999999999</c:v>
                </c:pt>
                <c:pt idx="1140">
                  <c:v>18.399999999999999</c:v>
                </c:pt>
                <c:pt idx="1141">
                  <c:v>18.600000000000001</c:v>
                </c:pt>
                <c:pt idx="1142">
                  <c:v>18.100000000000001</c:v>
                </c:pt>
                <c:pt idx="1143">
                  <c:v>18.7</c:v>
                </c:pt>
                <c:pt idx="1144">
                  <c:v>18.399999999999999</c:v>
                </c:pt>
                <c:pt idx="1145">
                  <c:v>18.2</c:v>
                </c:pt>
                <c:pt idx="1146">
                  <c:v>17.899999999999999</c:v>
                </c:pt>
                <c:pt idx="1147">
                  <c:v>18.7</c:v>
                </c:pt>
                <c:pt idx="1148">
                  <c:v>18.5</c:v>
                </c:pt>
                <c:pt idx="1149">
                  <c:v>18.2</c:v>
                </c:pt>
                <c:pt idx="1150">
                  <c:v>18.5</c:v>
                </c:pt>
                <c:pt idx="1151">
                  <c:v>18.5</c:v>
                </c:pt>
                <c:pt idx="1152">
                  <c:v>18.2</c:v>
                </c:pt>
                <c:pt idx="1153">
                  <c:v>18.100000000000001</c:v>
                </c:pt>
                <c:pt idx="1154">
                  <c:v>18.5</c:v>
                </c:pt>
                <c:pt idx="1155">
                  <c:v>18.5</c:v>
                </c:pt>
                <c:pt idx="1156">
                  <c:v>18.600000000000001</c:v>
                </c:pt>
                <c:pt idx="1157">
                  <c:v>18</c:v>
                </c:pt>
                <c:pt idx="1158">
                  <c:v>18.600000000000001</c:v>
                </c:pt>
                <c:pt idx="1159">
                  <c:v>18.5</c:v>
                </c:pt>
                <c:pt idx="1160">
                  <c:v>18.5</c:v>
                </c:pt>
                <c:pt idx="1161">
                  <c:v>18.7</c:v>
                </c:pt>
                <c:pt idx="1162">
                  <c:v>18.2</c:v>
                </c:pt>
                <c:pt idx="1163">
                  <c:v>18.399999999999999</c:v>
                </c:pt>
                <c:pt idx="1164">
                  <c:v>18.5</c:v>
                </c:pt>
                <c:pt idx="1165">
                  <c:v>18.399999999999999</c:v>
                </c:pt>
                <c:pt idx="1166">
                  <c:v>18.100000000000001</c:v>
                </c:pt>
                <c:pt idx="1167">
                  <c:v>18.7</c:v>
                </c:pt>
                <c:pt idx="1168">
                  <c:v>17.899999999999999</c:v>
                </c:pt>
                <c:pt idx="1169">
                  <c:v>18.7</c:v>
                </c:pt>
                <c:pt idx="1170">
                  <c:v>18.399999999999999</c:v>
                </c:pt>
                <c:pt idx="1171">
                  <c:v>18.399999999999999</c:v>
                </c:pt>
                <c:pt idx="1172">
                  <c:v>18.100000000000001</c:v>
                </c:pt>
                <c:pt idx="1173">
                  <c:v>18.5</c:v>
                </c:pt>
                <c:pt idx="1174">
                  <c:v>18.399999999999999</c:v>
                </c:pt>
                <c:pt idx="1175">
                  <c:v>18.2</c:v>
                </c:pt>
                <c:pt idx="1176">
                  <c:v>18.5</c:v>
                </c:pt>
                <c:pt idx="1177">
                  <c:v>18.5</c:v>
                </c:pt>
                <c:pt idx="1178">
                  <c:v>18.100000000000001</c:v>
                </c:pt>
                <c:pt idx="1179">
                  <c:v>17.899999999999999</c:v>
                </c:pt>
                <c:pt idx="1180">
                  <c:v>18.399999999999999</c:v>
                </c:pt>
                <c:pt idx="1181">
                  <c:v>18.399999999999999</c:v>
                </c:pt>
                <c:pt idx="1182">
                  <c:v>18.399999999999999</c:v>
                </c:pt>
                <c:pt idx="1183">
                  <c:v>18.2</c:v>
                </c:pt>
                <c:pt idx="1184">
                  <c:v>18.399999999999999</c:v>
                </c:pt>
                <c:pt idx="1185">
                  <c:v>18.100000000000001</c:v>
                </c:pt>
                <c:pt idx="1186">
                  <c:v>18.399999999999999</c:v>
                </c:pt>
                <c:pt idx="1187">
                  <c:v>18.2</c:v>
                </c:pt>
                <c:pt idx="1188">
                  <c:v>18.8</c:v>
                </c:pt>
                <c:pt idx="1189">
                  <c:v>18.399999999999999</c:v>
                </c:pt>
                <c:pt idx="1190">
                  <c:v>18.399999999999999</c:v>
                </c:pt>
                <c:pt idx="1191">
                  <c:v>18.399999999999999</c:v>
                </c:pt>
                <c:pt idx="1192">
                  <c:v>18.5</c:v>
                </c:pt>
                <c:pt idx="1193">
                  <c:v>18.7</c:v>
                </c:pt>
                <c:pt idx="1194">
                  <c:v>18.7</c:v>
                </c:pt>
                <c:pt idx="1195">
                  <c:v>18.100000000000001</c:v>
                </c:pt>
                <c:pt idx="1196">
                  <c:v>18.100000000000001</c:v>
                </c:pt>
                <c:pt idx="1197">
                  <c:v>18.100000000000001</c:v>
                </c:pt>
                <c:pt idx="1198">
                  <c:v>18.399999999999999</c:v>
                </c:pt>
                <c:pt idx="1199">
                  <c:v>18.5</c:v>
                </c:pt>
                <c:pt idx="1200">
                  <c:v>18.2</c:v>
                </c:pt>
                <c:pt idx="1201">
                  <c:v>18.7</c:v>
                </c:pt>
                <c:pt idx="1202">
                  <c:v>18.7</c:v>
                </c:pt>
                <c:pt idx="1203">
                  <c:v>18.2</c:v>
                </c:pt>
                <c:pt idx="1204">
                  <c:v>18.600000000000001</c:v>
                </c:pt>
                <c:pt idx="1205">
                  <c:v>18.2</c:v>
                </c:pt>
                <c:pt idx="1206">
                  <c:v>18.600000000000001</c:v>
                </c:pt>
                <c:pt idx="1207">
                  <c:v>18.899999999999999</c:v>
                </c:pt>
                <c:pt idx="1208">
                  <c:v>18.2</c:v>
                </c:pt>
                <c:pt idx="1209">
                  <c:v>18.5</c:v>
                </c:pt>
                <c:pt idx="1210">
                  <c:v>18.2</c:v>
                </c:pt>
                <c:pt idx="1211">
                  <c:v>18.600000000000001</c:v>
                </c:pt>
                <c:pt idx="1212">
                  <c:v>18.600000000000001</c:v>
                </c:pt>
                <c:pt idx="1213">
                  <c:v>18.5</c:v>
                </c:pt>
                <c:pt idx="1214">
                  <c:v>18.5</c:v>
                </c:pt>
                <c:pt idx="1215">
                  <c:v>18.600000000000001</c:v>
                </c:pt>
                <c:pt idx="1216">
                  <c:v>18.2</c:v>
                </c:pt>
                <c:pt idx="1217">
                  <c:v>18.399999999999999</c:v>
                </c:pt>
                <c:pt idx="1218">
                  <c:v>18.5</c:v>
                </c:pt>
                <c:pt idx="1219">
                  <c:v>18.2</c:v>
                </c:pt>
                <c:pt idx="1220">
                  <c:v>18.399999999999999</c:v>
                </c:pt>
                <c:pt idx="1221">
                  <c:v>18.600000000000001</c:v>
                </c:pt>
                <c:pt idx="1222">
                  <c:v>18.7</c:v>
                </c:pt>
                <c:pt idx="1223">
                  <c:v>18.5</c:v>
                </c:pt>
                <c:pt idx="1224">
                  <c:v>18.600000000000001</c:v>
                </c:pt>
                <c:pt idx="1225">
                  <c:v>18.2</c:v>
                </c:pt>
                <c:pt idx="1226">
                  <c:v>18.600000000000001</c:v>
                </c:pt>
                <c:pt idx="1227">
                  <c:v>18.7</c:v>
                </c:pt>
                <c:pt idx="1228">
                  <c:v>17.899999999999999</c:v>
                </c:pt>
                <c:pt idx="1229">
                  <c:v>18.600000000000001</c:v>
                </c:pt>
                <c:pt idx="1230">
                  <c:v>18.5</c:v>
                </c:pt>
                <c:pt idx="1231">
                  <c:v>18.5</c:v>
                </c:pt>
                <c:pt idx="1232">
                  <c:v>18.2</c:v>
                </c:pt>
                <c:pt idx="1233">
                  <c:v>18.600000000000001</c:v>
                </c:pt>
                <c:pt idx="1234">
                  <c:v>18.600000000000001</c:v>
                </c:pt>
                <c:pt idx="1235">
                  <c:v>18.7</c:v>
                </c:pt>
                <c:pt idx="1236">
                  <c:v>18.399999999999999</c:v>
                </c:pt>
                <c:pt idx="1237">
                  <c:v>18.8</c:v>
                </c:pt>
                <c:pt idx="1238">
                  <c:v>18.600000000000001</c:v>
                </c:pt>
                <c:pt idx="1239">
                  <c:v>18.2</c:v>
                </c:pt>
                <c:pt idx="1240">
                  <c:v>18.100000000000001</c:v>
                </c:pt>
                <c:pt idx="1241">
                  <c:v>18.399999999999999</c:v>
                </c:pt>
                <c:pt idx="1242">
                  <c:v>18.399999999999999</c:v>
                </c:pt>
                <c:pt idx="1243">
                  <c:v>18.7</c:v>
                </c:pt>
                <c:pt idx="1244">
                  <c:v>18.2</c:v>
                </c:pt>
                <c:pt idx="1245">
                  <c:v>18.600000000000001</c:v>
                </c:pt>
                <c:pt idx="1246">
                  <c:v>18.5</c:v>
                </c:pt>
                <c:pt idx="1247">
                  <c:v>18.2</c:v>
                </c:pt>
                <c:pt idx="1248">
                  <c:v>18.600000000000001</c:v>
                </c:pt>
                <c:pt idx="1249">
                  <c:v>18.2</c:v>
                </c:pt>
                <c:pt idx="1250">
                  <c:v>18.7</c:v>
                </c:pt>
                <c:pt idx="1251">
                  <c:v>18.600000000000001</c:v>
                </c:pt>
                <c:pt idx="1252">
                  <c:v>18.2</c:v>
                </c:pt>
                <c:pt idx="1253">
                  <c:v>18.399999999999999</c:v>
                </c:pt>
                <c:pt idx="1254">
                  <c:v>18.600000000000001</c:v>
                </c:pt>
                <c:pt idx="1255">
                  <c:v>17.8</c:v>
                </c:pt>
                <c:pt idx="1256">
                  <c:v>18.7</c:v>
                </c:pt>
                <c:pt idx="1257">
                  <c:v>18.7</c:v>
                </c:pt>
                <c:pt idx="1258">
                  <c:v>18.100000000000001</c:v>
                </c:pt>
                <c:pt idx="1259">
                  <c:v>18.600000000000001</c:v>
                </c:pt>
                <c:pt idx="1260">
                  <c:v>18.5</c:v>
                </c:pt>
                <c:pt idx="1261">
                  <c:v>18.7</c:v>
                </c:pt>
                <c:pt idx="1262">
                  <c:v>18.399999999999999</c:v>
                </c:pt>
                <c:pt idx="1263">
                  <c:v>18.899999999999999</c:v>
                </c:pt>
                <c:pt idx="1264">
                  <c:v>18.7</c:v>
                </c:pt>
                <c:pt idx="1265">
                  <c:v>18.600000000000001</c:v>
                </c:pt>
                <c:pt idx="1266">
                  <c:v>18.7</c:v>
                </c:pt>
                <c:pt idx="1267">
                  <c:v>18.600000000000001</c:v>
                </c:pt>
                <c:pt idx="1268">
                  <c:v>18.600000000000001</c:v>
                </c:pt>
                <c:pt idx="1269">
                  <c:v>18.8</c:v>
                </c:pt>
                <c:pt idx="1270">
                  <c:v>18.5</c:v>
                </c:pt>
                <c:pt idx="1271">
                  <c:v>18.5</c:v>
                </c:pt>
                <c:pt idx="1272">
                  <c:v>18.899999999999999</c:v>
                </c:pt>
                <c:pt idx="1273">
                  <c:v>18.2</c:v>
                </c:pt>
                <c:pt idx="1274">
                  <c:v>18.8</c:v>
                </c:pt>
                <c:pt idx="1275">
                  <c:v>18.5</c:v>
                </c:pt>
                <c:pt idx="1276">
                  <c:v>18.8</c:v>
                </c:pt>
                <c:pt idx="1277">
                  <c:v>18.5</c:v>
                </c:pt>
                <c:pt idx="1278">
                  <c:v>18.399999999999999</c:v>
                </c:pt>
                <c:pt idx="1279">
                  <c:v>18.600000000000001</c:v>
                </c:pt>
                <c:pt idx="1280">
                  <c:v>18.2</c:v>
                </c:pt>
                <c:pt idx="1281">
                  <c:v>18.600000000000001</c:v>
                </c:pt>
                <c:pt idx="1282">
                  <c:v>18.600000000000001</c:v>
                </c:pt>
                <c:pt idx="1283">
                  <c:v>18.399999999999999</c:v>
                </c:pt>
                <c:pt idx="1284">
                  <c:v>18.100000000000001</c:v>
                </c:pt>
                <c:pt idx="1285">
                  <c:v>18.5</c:v>
                </c:pt>
                <c:pt idx="1286">
                  <c:v>18.399999999999999</c:v>
                </c:pt>
                <c:pt idx="1287">
                  <c:v>18.5</c:v>
                </c:pt>
                <c:pt idx="1288">
                  <c:v>18.5</c:v>
                </c:pt>
                <c:pt idx="1289">
                  <c:v>18.7</c:v>
                </c:pt>
                <c:pt idx="1290">
                  <c:v>18.399999999999999</c:v>
                </c:pt>
                <c:pt idx="1291">
                  <c:v>18.600000000000001</c:v>
                </c:pt>
                <c:pt idx="1292">
                  <c:v>18.5</c:v>
                </c:pt>
                <c:pt idx="1293">
                  <c:v>18.399999999999999</c:v>
                </c:pt>
                <c:pt idx="1294">
                  <c:v>18.7</c:v>
                </c:pt>
                <c:pt idx="1295">
                  <c:v>19.399999999999999</c:v>
                </c:pt>
                <c:pt idx="1296">
                  <c:v>18.600000000000001</c:v>
                </c:pt>
                <c:pt idx="1297">
                  <c:v>18.7</c:v>
                </c:pt>
                <c:pt idx="1298">
                  <c:v>18.600000000000001</c:v>
                </c:pt>
                <c:pt idx="1299">
                  <c:v>18.600000000000001</c:v>
                </c:pt>
                <c:pt idx="1300">
                  <c:v>18.7</c:v>
                </c:pt>
                <c:pt idx="1301">
                  <c:v>18.600000000000001</c:v>
                </c:pt>
                <c:pt idx="1302">
                  <c:v>18.600000000000001</c:v>
                </c:pt>
                <c:pt idx="1303">
                  <c:v>18.7</c:v>
                </c:pt>
                <c:pt idx="1304">
                  <c:v>18.7</c:v>
                </c:pt>
                <c:pt idx="1305">
                  <c:v>18.399999999999999</c:v>
                </c:pt>
                <c:pt idx="1306">
                  <c:v>18.399999999999999</c:v>
                </c:pt>
                <c:pt idx="1307">
                  <c:v>18.8</c:v>
                </c:pt>
                <c:pt idx="1308">
                  <c:v>18.600000000000001</c:v>
                </c:pt>
                <c:pt idx="1309">
                  <c:v>18.7</c:v>
                </c:pt>
                <c:pt idx="1310">
                  <c:v>18.7</c:v>
                </c:pt>
                <c:pt idx="1311">
                  <c:v>19.100000000000001</c:v>
                </c:pt>
                <c:pt idx="1312">
                  <c:v>18.7</c:v>
                </c:pt>
                <c:pt idx="1313">
                  <c:v>18.7</c:v>
                </c:pt>
                <c:pt idx="1314">
                  <c:v>18.600000000000001</c:v>
                </c:pt>
                <c:pt idx="1315">
                  <c:v>18.600000000000001</c:v>
                </c:pt>
                <c:pt idx="1316">
                  <c:v>18.600000000000001</c:v>
                </c:pt>
                <c:pt idx="1317">
                  <c:v>18.7</c:v>
                </c:pt>
                <c:pt idx="1318">
                  <c:v>18.7</c:v>
                </c:pt>
                <c:pt idx="1319">
                  <c:v>18.600000000000001</c:v>
                </c:pt>
                <c:pt idx="1320">
                  <c:v>18.7</c:v>
                </c:pt>
                <c:pt idx="1321">
                  <c:v>18.600000000000001</c:v>
                </c:pt>
                <c:pt idx="1322">
                  <c:v>18.899999999999999</c:v>
                </c:pt>
                <c:pt idx="1323">
                  <c:v>18.7</c:v>
                </c:pt>
                <c:pt idx="1324">
                  <c:v>18.5</c:v>
                </c:pt>
                <c:pt idx="1325">
                  <c:v>18.600000000000001</c:v>
                </c:pt>
                <c:pt idx="1326">
                  <c:v>18.399999999999999</c:v>
                </c:pt>
                <c:pt idx="1327">
                  <c:v>18.5</c:v>
                </c:pt>
                <c:pt idx="1328">
                  <c:v>18.7</c:v>
                </c:pt>
                <c:pt idx="1329">
                  <c:v>18.7</c:v>
                </c:pt>
                <c:pt idx="1330">
                  <c:v>18.7</c:v>
                </c:pt>
                <c:pt idx="1331">
                  <c:v>18.600000000000001</c:v>
                </c:pt>
                <c:pt idx="1332">
                  <c:v>18.899999999999999</c:v>
                </c:pt>
                <c:pt idx="1333">
                  <c:v>18.2</c:v>
                </c:pt>
                <c:pt idx="1334">
                  <c:v>18.7</c:v>
                </c:pt>
                <c:pt idx="1335">
                  <c:v>18.8</c:v>
                </c:pt>
                <c:pt idx="1336">
                  <c:v>18.8</c:v>
                </c:pt>
                <c:pt idx="1337">
                  <c:v>18.5</c:v>
                </c:pt>
                <c:pt idx="1338">
                  <c:v>18.8</c:v>
                </c:pt>
                <c:pt idx="1339">
                  <c:v>18.600000000000001</c:v>
                </c:pt>
                <c:pt idx="1340">
                  <c:v>18.399999999999999</c:v>
                </c:pt>
                <c:pt idx="1341">
                  <c:v>18.399999999999999</c:v>
                </c:pt>
                <c:pt idx="1342">
                  <c:v>18.899999999999999</c:v>
                </c:pt>
                <c:pt idx="1343">
                  <c:v>18.600000000000001</c:v>
                </c:pt>
                <c:pt idx="1344">
                  <c:v>18.5</c:v>
                </c:pt>
                <c:pt idx="1345">
                  <c:v>18.7</c:v>
                </c:pt>
                <c:pt idx="1346">
                  <c:v>18.5</c:v>
                </c:pt>
                <c:pt idx="1347">
                  <c:v>18.600000000000001</c:v>
                </c:pt>
                <c:pt idx="1348">
                  <c:v>18.2</c:v>
                </c:pt>
                <c:pt idx="1349">
                  <c:v>18.5</c:v>
                </c:pt>
                <c:pt idx="1350">
                  <c:v>18.5</c:v>
                </c:pt>
                <c:pt idx="1351">
                  <c:v>18.600000000000001</c:v>
                </c:pt>
                <c:pt idx="1352">
                  <c:v>18.8</c:v>
                </c:pt>
                <c:pt idx="1353">
                  <c:v>18.5</c:v>
                </c:pt>
                <c:pt idx="1354">
                  <c:v>18.8</c:v>
                </c:pt>
                <c:pt idx="1355">
                  <c:v>18.8</c:v>
                </c:pt>
                <c:pt idx="1356">
                  <c:v>18.600000000000001</c:v>
                </c:pt>
                <c:pt idx="1357">
                  <c:v>18.899999999999999</c:v>
                </c:pt>
                <c:pt idx="1358">
                  <c:v>18.600000000000001</c:v>
                </c:pt>
                <c:pt idx="1359">
                  <c:v>18.7</c:v>
                </c:pt>
                <c:pt idx="1360">
                  <c:v>18.5</c:v>
                </c:pt>
                <c:pt idx="1361">
                  <c:v>18.5</c:v>
                </c:pt>
                <c:pt idx="1362">
                  <c:v>18.600000000000001</c:v>
                </c:pt>
                <c:pt idx="1363">
                  <c:v>18.5</c:v>
                </c:pt>
                <c:pt idx="1364">
                  <c:v>18.5</c:v>
                </c:pt>
                <c:pt idx="1365">
                  <c:v>18.899999999999999</c:v>
                </c:pt>
                <c:pt idx="1366">
                  <c:v>18.600000000000001</c:v>
                </c:pt>
                <c:pt idx="1367">
                  <c:v>18.7</c:v>
                </c:pt>
                <c:pt idx="1368">
                  <c:v>18.899999999999999</c:v>
                </c:pt>
                <c:pt idx="1369">
                  <c:v>18.899999999999999</c:v>
                </c:pt>
                <c:pt idx="1370">
                  <c:v>18.899999999999999</c:v>
                </c:pt>
                <c:pt idx="1371">
                  <c:v>18.7</c:v>
                </c:pt>
                <c:pt idx="1372">
                  <c:v>18.7</c:v>
                </c:pt>
                <c:pt idx="1373">
                  <c:v>18.7</c:v>
                </c:pt>
                <c:pt idx="1374">
                  <c:v>18.600000000000001</c:v>
                </c:pt>
                <c:pt idx="1375">
                  <c:v>18.8</c:v>
                </c:pt>
                <c:pt idx="1376">
                  <c:v>18.899999999999999</c:v>
                </c:pt>
                <c:pt idx="1377">
                  <c:v>18.8</c:v>
                </c:pt>
                <c:pt idx="1378">
                  <c:v>18.8</c:v>
                </c:pt>
                <c:pt idx="1379">
                  <c:v>18.7</c:v>
                </c:pt>
                <c:pt idx="1380">
                  <c:v>18.7</c:v>
                </c:pt>
                <c:pt idx="1381">
                  <c:v>18.8</c:v>
                </c:pt>
                <c:pt idx="1382">
                  <c:v>19.100000000000001</c:v>
                </c:pt>
                <c:pt idx="1383">
                  <c:v>18.7</c:v>
                </c:pt>
                <c:pt idx="1384">
                  <c:v>18.5</c:v>
                </c:pt>
                <c:pt idx="1385">
                  <c:v>18.8</c:v>
                </c:pt>
                <c:pt idx="1386">
                  <c:v>18.600000000000001</c:v>
                </c:pt>
                <c:pt idx="1387">
                  <c:v>18.5</c:v>
                </c:pt>
                <c:pt idx="1388">
                  <c:v>18.7</c:v>
                </c:pt>
                <c:pt idx="1389">
                  <c:v>18.8</c:v>
                </c:pt>
                <c:pt idx="1390">
                  <c:v>18.8</c:v>
                </c:pt>
                <c:pt idx="1391">
                  <c:v>18.7</c:v>
                </c:pt>
                <c:pt idx="1392">
                  <c:v>18.7</c:v>
                </c:pt>
                <c:pt idx="1393">
                  <c:v>18.7</c:v>
                </c:pt>
                <c:pt idx="1394">
                  <c:v>18.7</c:v>
                </c:pt>
                <c:pt idx="1395">
                  <c:v>18.8</c:v>
                </c:pt>
                <c:pt idx="1396">
                  <c:v>18.7</c:v>
                </c:pt>
                <c:pt idx="1397">
                  <c:v>18.8</c:v>
                </c:pt>
                <c:pt idx="1398">
                  <c:v>18.8</c:v>
                </c:pt>
                <c:pt idx="1399">
                  <c:v>18.8</c:v>
                </c:pt>
                <c:pt idx="1400">
                  <c:v>19</c:v>
                </c:pt>
                <c:pt idx="1401">
                  <c:v>18.600000000000001</c:v>
                </c:pt>
                <c:pt idx="1402">
                  <c:v>18.8</c:v>
                </c:pt>
                <c:pt idx="1403">
                  <c:v>18.7</c:v>
                </c:pt>
                <c:pt idx="1404">
                  <c:v>18.8</c:v>
                </c:pt>
                <c:pt idx="1405">
                  <c:v>18.8</c:v>
                </c:pt>
                <c:pt idx="1406">
                  <c:v>19.100000000000001</c:v>
                </c:pt>
                <c:pt idx="1407">
                  <c:v>18.600000000000001</c:v>
                </c:pt>
                <c:pt idx="1408">
                  <c:v>18.7</c:v>
                </c:pt>
                <c:pt idx="1409">
                  <c:v>18.8</c:v>
                </c:pt>
                <c:pt idx="1410">
                  <c:v>19</c:v>
                </c:pt>
                <c:pt idx="1411">
                  <c:v>18.899999999999999</c:v>
                </c:pt>
                <c:pt idx="1412">
                  <c:v>18.5</c:v>
                </c:pt>
                <c:pt idx="1413">
                  <c:v>19</c:v>
                </c:pt>
                <c:pt idx="1414">
                  <c:v>18.600000000000001</c:v>
                </c:pt>
                <c:pt idx="1415">
                  <c:v>18.7</c:v>
                </c:pt>
                <c:pt idx="1416">
                  <c:v>19.100000000000001</c:v>
                </c:pt>
                <c:pt idx="1417">
                  <c:v>18.7</c:v>
                </c:pt>
                <c:pt idx="1418">
                  <c:v>19</c:v>
                </c:pt>
                <c:pt idx="1419">
                  <c:v>19.2</c:v>
                </c:pt>
                <c:pt idx="1420">
                  <c:v>18.600000000000001</c:v>
                </c:pt>
                <c:pt idx="1421">
                  <c:v>18.600000000000001</c:v>
                </c:pt>
                <c:pt idx="1422">
                  <c:v>19</c:v>
                </c:pt>
                <c:pt idx="1423">
                  <c:v>18.8</c:v>
                </c:pt>
                <c:pt idx="1424">
                  <c:v>18.899999999999999</c:v>
                </c:pt>
                <c:pt idx="1425">
                  <c:v>18.8</c:v>
                </c:pt>
                <c:pt idx="1426">
                  <c:v>18.7</c:v>
                </c:pt>
                <c:pt idx="1427">
                  <c:v>19</c:v>
                </c:pt>
                <c:pt idx="1428">
                  <c:v>18.8</c:v>
                </c:pt>
                <c:pt idx="1429">
                  <c:v>18.899999999999999</c:v>
                </c:pt>
                <c:pt idx="1430">
                  <c:v>18.5</c:v>
                </c:pt>
                <c:pt idx="1431">
                  <c:v>18.8</c:v>
                </c:pt>
                <c:pt idx="1432">
                  <c:v>18.5</c:v>
                </c:pt>
                <c:pt idx="1433">
                  <c:v>18.899999999999999</c:v>
                </c:pt>
                <c:pt idx="1434">
                  <c:v>18.7</c:v>
                </c:pt>
                <c:pt idx="1435">
                  <c:v>18.8</c:v>
                </c:pt>
                <c:pt idx="1436">
                  <c:v>18.7</c:v>
                </c:pt>
                <c:pt idx="1437">
                  <c:v>18.5</c:v>
                </c:pt>
                <c:pt idx="1438">
                  <c:v>18.899999999999999</c:v>
                </c:pt>
                <c:pt idx="1439">
                  <c:v>18.899999999999999</c:v>
                </c:pt>
                <c:pt idx="1440">
                  <c:v>19.2</c:v>
                </c:pt>
                <c:pt idx="1441">
                  <c:v>18.899999999999999</c:v>
                </c:pt>
                <c:pt idx="1442">
                  <c:v>18.8</c:v>
                </c:pt>
                <c:pt idx="1443">
                  <c:v>18.8</c:v>
                </c:pt>
                <c:pt idx="1444">
                  <c:v>18.399999999999999</c:v>
                </c:pt>
                <c:pt idx="1445">
                  <c:v>18.899999999999999</c:v>
                </c:pt>
                <c:pt idx="1446">
                  <c:v>18.5</c:v>
                </c:pt>
                <c:pt idx="1447">
                  <c:v>18.5</c:v>
                </c:pt>
                <c:pt idx="1448">
                  <c:v>19</c:v>
                </c:pt>
                <c:pt idx="1449">
                  <c:v>18.8</c:v>
                </c:pt>
                <c:pt idx="1450">
                  <c:v>18.8</c:v>
                </c:pt>
                <c:pt idx="1451">
                  <c:v>18.7</c:v>
                </c:pt>
                <c:pt idx="1452">
                  <c:v>19</c:v>
                </c:pt>
                <c:pt idx="1453">
                  <c:v>18.7</c:v>
                </c:pt>
                <c:pt idx="1454">
                  <c:v>18.7</c:v>
                </c:pt>
                <c:pt idx="1455">
                  <c:v>18.899999999999999</c:v>
                </c:pt>
                <c:pt idx="1456">
                  <c:v>18.600000000000001</c:v>
                </c:pt>
                <c:pt idx="1457">
                  <c:v>18.899999999999999</c:v>
                </c:pt>
                <c:pt idx="1458">
                  <c:v>18.8</c:v>
                </c:pt>
                <c:pt idx="1459">
                  <c:v>18.8</c:v>
                </c:pt>
                <c:pt idx="1460">
                  <c:v>19</c:v>
                </c:pt>
                <c:pt idx="1461">
                  <c:v>18.399999999999999</c:v>
                </c:pt>
                <c:pt idx="1462">
                  <c:v>18.8</c:v>
                </c:pt>
                <c:pt idx="1463">
                  <c:v>19.3</c:v>
                </c:pt>
                <c:pt idx="1464">
                  <c:v>19</c:v>
                </c:pt>
                <c:pt idx="1465">
                  <c:v>18.600000000000001</c:v>
                </c:pt>
                <c:pt idx="1466">
                  <c:v>18.8</c:v>
                </c:pt>
                <c:pt idx="1467">
                  <c:v>19</c:v>
                </c:pt>
                <c:pt idx="1468">
                  <c:v>18.8</c:v>
                </c:pt>
                <c:pt idx="1469">
                  <c:v>19</c:v>
                </c:pt>
                <c:pt idx="1470">
                  <c:v>18.7</c:v>
                </c:pt>
                <c:pt idx="1471">
                  <c:v>18.899999999999999</c:v>
                </c:pt>
                <c:pt idx="1472">
                  <c:v>18.7</c:v>
                </c:pt>
                <c:pt idx="1473">
                  <c:v>19</c:v>
                </c:pt>
                <c:pt idx="1474">
                  <c:v>18.8</c:v>
                </c:pt>
                <c:pt idx="1475">
                  <c:v>19</c:v>
                </c:pt>
                <c:pt idx="1476">
                  <c:v>18.7</c:v>
                </c:pt>
                <c:pt idx="1477">
                  <c:v>19.2</c:v>
                </c:pt>
                <c:pt idx="1478">
                  <c:v>18.7</c:v>
                </c:pt>
                <c:pt idx="1479">
                  <c:v>19.100000000000001</c:v>
                </c:pt>
                <c:pt idx="1480">
                  <c:v>18.8</c:v>
                </c:pt>
                <c:pt idx="1481">
                  <c:v>18.8</c:v>
                </c:pt>
                <c:pt idx="1482">
                  <c:v>19</c:v>
                </c:pt>
                <c:pt idx="1483">
                  <c:v>19.100000000000001</c:v>
                </c:pt>
                <c:pt idx="1484">
                  <c:v>18.600000000000001</c:v>
                </c:pt>
                <c:pt idx="1485">
                  <c:v>18.600000000000001</c:v>
                </c:pt>
                <c:pt idx="1486">
                  <c:v>19</c:v>
                </c:pt>
                <c:pt idx="1487">
                  <c:v>18.7</c:v>
                </c:pt>
                <c:pt idx="1488">
                  <c:v>19</c:v>
                </c:pt>
                <c:pt idx="1489">
                  <c:v>18.7</c:v>
                </c:pt>
                <c:pt idx="1490">
                  <c:v>18.8</c:v>
                </c:pt>
                <c:pt idx="1491">
                  <c:v>18.7</c:v>
                </c:pt>
                <c:pt idx="1492">
                  <c:v>18.8</c:v>
                </c:pt>
                <c:pt idx="1493">
                  <c:v>18.600000000000001</c:v>
                </c:pt>
                <c:pt idx="1494">
                  <c:v>18.899999999999999</c:v>
                </c:pt>
                <c:pt idx="1495">
                  <c:v>18.7</c:v>
                </c:pt>
                <c:pt idx="1496">
                  <c:v>19.2</c:v>
                </c:pt>
                <c:pt idx="1497">
                  <c:v>19.100000000000001</c:v>
                </c:pt>
                <c:pt idx="1498">
                  <c:v>18.899999999999999</c:v>
                </c:pt>
                <c:pt idx="1499">
                  <c:v>18.8</c:v>
                </c:pt>
                <c:pt idx="1500">
                  <c:v>18.8</c:v>
                </c:pt>
                <c:pt idx="1501">
                  <c:v>18.899999999999999</c:v>
                </c:pt>
                <c:pt idx="1502">
                  <c:v>18.7</c:v>
                </c:pt>
                <c:pt idx="1503">
                  <c:v>18.7</c:v>
                </c:pt>
                <c:pt idx="1504">
                  <c:v>18.8</c:v>
                </c:pt>
                <c:pt idx="1505">
                  <c:v>19</c:v>
                </c:pt>
                <c:pt idx="1506">
                  <c:v>18.600000000000001</c:v>
                </c:pt>
                <c:pt idx="1507">
                  <c:v>19</c:v>
                </c:pt>
                <c:pt idx="1508">
                  <c:v>18.600000000000001</c:v>
                </c:pt>
                <c:pt idx="1509">
                  <c:v>18.7</c:v>
                </c:pt>
                <c:pt idx="1510">
                  <c:v>18.7</c:v>
                </c:pt>
                <c:pt idx="1511">
                  <c:v>19.2</c:v>
                </c:pt>
                <c:pt idx="1512">
                  <c:v>19.100000000000001</c:v>
                </c:pt>
                <c:pt idx="1513">
                  <c:v>19.100000000000001</c:v>
                </c:pt>
                <c:pt idx="1514">
                  <c:v>18.899999999999999</c:v>
                </c:pt>
                <c:pt idx="1515">
                  <c:v>18.7</c:v>
                </c:pt>
                <c:pt idx="1516">
                  <c:v>18.899999999999999</c:v>
                </c:pt>
                <c:pt idx="1517">
                  <c:v>18.899999999999999</c:v>
                </c:pt>
                <c:pt idx="1518">
                  <c:v>18.8</c:v>
                </c:pt>
                <c:pt idx="1519">
                  <c:v>18.7</c:v>
                </c:pt>
                <c:pt idx="1520">
                  <c:v>18.600000000000001</c:v>
                </c:pt>
                <c:pt idx="1521">
                  <c:v>19</c:v>
                </c:pt>
                <c:pt idx="1522">
                  <c:v>18.899999999999999</c:v>
                </c:pt>
                <c:pt idx="1523">
                  <c:v>18.7</c:v>
                </c:pt>
                <c:pt idx="1524">
                  <c:v>18.7</c:v>
                </c:pt>
                <c:pt idx="1525">
                  <c:v>19.2</c:v>
                </c:pt>
                <c:pt idx="1526">
                  <c:v>19.2</c:v>
                </c:pt>
                <c:pt idx="1527">
                  <c:v>18.8</c:v>
                </c:pt>
                <c:pt idx="1528">
                  <c:v>19</c:v>
                </c:pt>
                <c:pt idx="1529">
                  <c:v>19.100000000000001</c:v>
                </c:pt>
                <c:pt idx="1530">
                  <c:v>19.100000000000001</c:v>
                </c:pt>
                <c:pt idx="1531">
                  <c:v>19.2</c:v>
                </c:pt>
                <c:pt idx="1532">
                  <c:v>18.899999999999999</c:v>
                </c:pt>
                <c:pt idx="1533">
                  <c:v>18.899999999999999</c:v>
                </c:pt>
                <c:pt idx="1534">
                  <c:v>18.7</c:v>
                </c:pt>
                <c:pt idx="1535">
                  <c:v>18.8</c:v>
                </c:pt>
                <c:pt idx="1536">
                  <c:v>19</c:v>
                </c:pt>
                <c:pt idx="1537">
                  <c:v>18.7</c:v>
                </c:pt>
                <c:pt idx="1538">
                  <c:v>18.8</c:v>
                </c:pt>
                <c:pt idx="1539">
                  <c:v>19</c:v>
                </c:pt>
                <c:pt idx="1540">
                  <c:v>19.100000000000001</c:v>
                </c:pt>
                <c:pt idx="1541">
                  <c:v>18.8</c:v>
                </c:pt>
                <c:pt idx="1542">
                  <c:v>19.100000000000001</c:v>
                </c:pt>
                <c:pt idx="1543">
                  <c:v>18.8</c:v>
                </c:pt>
                <c:pt idx="1544">
                  <c:v>18.7</c:v>
                </c:pt>
                <c:pt idx="1545">
                  <c:v>18.7</c:v>
                </c:pt>
                <c:pt idx="1546">
                  <c:v>19</c:v>
                </c:pt>
                <c:pt idx="1547">
                  <c:v>18.7</c:v>
                </c:pt>
                <c:pt idx="1548">
                  <c:v>19</c:v>
                </c:pt>
                <c:pt idx="1549">
                  <c:v>18.7</c:v>
                </c:pt>
                <c:pt idx="1550">
                  <c:v>18.600000000000001</c:v>
                </c:pt>
                <c:pt idx="1551">
                  <c:v>18.7</c:v>
                </c:pt>
                <c:pt idx="1552">
                  <c:v>19.2</c:v>
                </c:pt>
                <c:pt idx="1553">
                  <c:v>18.8</c:v>
                </c:pt>
                <c:pt idx="1554">
                  <c:v>18.899999999999999</c:v>
                </c:pt>
                <c:pt idx="1555">
                  <c:v>18.7</c:v>
                </c:pt>
                <c:pt idx="1556">
                  <c:v>18.899999999999999</c:v>
                </c:pt>
                <c:pt idx="1557">
                  <c:v>18.600000000000001</c:v>
                </c:pt>
                <c:pt idx="1558">
                  <c:v>18.899999999999999</c:v>
                </c:pt>
                <c:pt idx="1559">
                  <c:v>18.8</c:v>
                </c:pt>
                <c:pt idx="1560">
                  <c:v>18.899999999999999</c:v>
                </c:pt>
                <c:pt idx="1561">
                  <c:v>18.7</c:v>
                </c:pt>
                <c:pt idx="1562">
                  <c:v>19</c:v>
                </c:pt>
                <c:pt idx="1563">
                  <c:v>19.100000000000001</c:v>
                </c:pt>
                <c:pt idx="1564">
                  <c:v>18.8</c:v>
                </c:pt>
                <c:pt idx="1565">
                  <c:v>19</c:v>
                </c:pt>
                <c:pt idx="1566">
                  <c:v>18.5</c:v>
                </c:pt>
                <c:pt idx="1567">
                  <c:v>18.899999999999999</c:v>
                </c:pt>
                <c:pt idx="1568">
                  <c:v>19</c:v>
                </c:pt>
                <c:pt idx="1569">
                  <c:v>18.7</c:v>
                </c:pt>
                <c:pt idx="1570">
                  <c:v>18.899999999999999</c:v>
                </c:pt>
                <c:pt idx="1571">
                  <c:v>19.100000000000001</c:v>
                </c:pt>
                <c:pt idx="1572">
                  <c:v>18.899999999999999</c:v>
                </c:pt>
                <c:pt idx="1573">
                  <c:v>19.2</c:v>
                </c:pt>
                <c:pt idx="1574">
                  <c:v>18.899999999999999</c:v>
                </c:pt>
                <c:pt idx="1575">
                  <c:v>18.8</c:v>
                </c:pt>
                <c:pt idx="1576">
                  <c:v>18.8</c:v>
                </c:pt>
                <c:pt idx="1577">
                  <c:v>19</c:v>
                </c:pt>
                <c:pt idx="1578">
                  <c:v>19</c:v>
                </c:pt>
                <c:pt idx="1579">
                  <c:v>19.3</c:v>
                </c:pt>
                <c:pt idx="1580">
                  <c:v>19</c:v>
                </c:pt>
                <c:pt idx="1581">
                  <c:v>19.100000000000001</c:v>
                </c:pt>
                <c:pt idx="1582">
                  <c:v>19</c:v>
                </c:pt>
                <c:pt idx="1583">
                  <c:v>19.2</c:v>
                </c:pt>
                <c:pt idx="1584">
                  <c:v>18.899999999999999</c:v>
                </c:pt>
                <c:pt idx="1585">
                  <c:v>18.600000000000001</c:v>
                </c:pt>
                <c:pt idx="1586">
                  <c:v>19</c:v>
                </c:pt>
                <c:pt idx="1587">
                  <c:v>19</c:v>
                </c:pt>
                <c:pt idx="1588">
                  <c:v>18.8</c:v>
                </c:pt>
                <c:pt idx="1589">
                  <c:v>18.7</c:v>
                </c:pt>
                <c:pt idx="1590">
                  <c:v>19</c:v>
                </c:pt>
                <c:pt idx="1591">
                  <c:v>19.100000000000001</c:v>
                </c:pt>
                <c:pt idx="1592">
                  <c:v>18.7</c:v>
                </c:pt>
                <c:pt idx="1593">
                  <c:v>18.8</c:v>
                </c:pt>
                <c:pt idx="1594">
                  <c:v>19.2</c:v>
                </c:pt>
                <c:pt idx="1595">
                  <c:v>18.899999999999999</c:v>
                </c:pt>
                <c:pt idx="1596">
                  <c:v>18.7</c:v>
                </c:pt>
                <c:pt idx="1597">
                  <c:v>19</c:v>
                </c:pt>
                <c:pt idx="1598">
                  <c:v>18.8</c:v>
                </c:pt>
                <c:pt idx="1599">
                  <c:v>18.8</c:v>
                </c:pt>
                <c:pt idx="1600">
                  <c:v>19</c:v>
                </c:pt>
                <c:pt idx="1601">
                  <c:v>18.899999999999999</c:v>
                </c:pt>
                <c:pt idx="1602">
                  <c:v>18.899999999999999</c:v>
                </c:pt>
                <c:pt idx="1603">
                  <c:v>18.8</c:v>
                </c:pt>
                <c:pt idx="1604">
                  <c:v>18.899999999999999</c:v>
                </c:pt>
                <c:pt idx="1605">
                  <c:v>19</c:v>
                </c:pt>
                <c:pt idx="1606">
                  <c:v>18.8</c:v>
                </c:pt>
                <c:pt idx="1607">
                  <c:v>18.5</c:v>
                </c:pt>
                <c:pt idx="1608">
                  <c:v>18.899999999999999</c:v>
                </c:pt>
                <c:pt idx="1609">
                  <c:v>18.899999999999999</c:v>
                </c:pt>
                <c:pt idx="1610">
                  <c:v>19</c:v>
                </c:pt>
                <c:pt idx="1611">
                  <c:v>19.2</c:v>
                </c:pt>
                <c:pt idx="1612">
                  <c:v>18.899999999999999</c:v>
                </c:pt>
                <c:pt idx="1613">
                  <c:v>19.2</c:v>
                </c:pt>
                <c:pt idx="1614">
                  <c:v>19</c:v>
                </c:pt>
                <c:pt idx="1615">
                  <c:v>19</c:v>
                </c:pt>
                <c:pt idx="1616">
                  <c:v>18.8</c:v>
                </c:pt>
                <c:pt idx="1617">
                  <c:v>19.100000000000001</c:v>
                </c:pt>
                <c:pt idx="1618">
                  <c:v>19.2</c:v>
                </c:pt>
                <c:pt idx="1619">
                  <c:v>19.3</c:v>
                </c:pt>
                <c:pt idx="1620">
                  <c:v>18.899999999999999</c:v>
                </c:pt>
                <c:pt idx="1621">
                  <c:v>18.899999999999999</c:v>
                </c:pt>
                <c:pt idx="1622">
                  <c:v>18.899999999999999</c:v>
                </c:pt>
                <c:pt idx="1623">
                  <c:v>18.8</c:v>
                </c:pt>
                <c:pt idx="1624">
                  <c:v>19.100000000000001</c:v>
                </c:pt>
                <c:pt idx="1625">
                  <c:v>18.899999999999999</c:v>
                </c:pt>
                <c:pt idx="1626">
                  <c:v>19.100000000000001</c:v>
                </c:pt>
                <c:pt idx="1627">
                  <c:v>18.899999999999999</c:v>
                </c:pt>
                <c:pt idx="1628">
                  <c:v>18.899999999999999</c:v>
                </c:pt>
                <c:pt idx="1629">
                  <c:v>19.2</c:v>
                </c:pt>
                <c:pt idx="1630">
                  <c:v>19.100000000000001</c:v>
                </c:pt>
                <c:pt idx="1631">
                  <c:v>18.7</c:v>
                </c:pt>
                <c:pt idx="1632">
                  <c:v>18.899999999999999</c:v>
                </c:pt>
                <c:pt idx="1633">
                  <c:v>19</c:v>
                </c:pt>
                <c:pt idx="1634">
                  <c:v>18.8</c:v>
                </c:pt>
                <c:pt idx="1635">
                  <c:v>18.899999999999999</c:v>
                </c:pt>
                <c:pt idx="1636">
                  <c:v>19</c:v>
                </c:pt>
                <c:pt idx="1637">
                  <c:v>19</c:v>
                </c:pt>
                <c:pt idx="1638">
                  <c:v>19.100000000000001</c:v>
                </c:pt>
                <c:pt idx="1639">
                  <c:v>18.899999999999999</c:v>
                </c:pt>
                <c:pt idx="1640">
                  <c:v>19.3</c:v>
                </c:pt>
                <c:pt idx="1641">
                  <c:v>19.100000000000001</c:v>
                </c:pt>
                <c:pt idx="1642">
                  <c:v>18.8</c:v>
                </c:pt>
                <c:pt idx="1643">
                  <c:v>19.399999999999999</c:v>
                </c:pt>
                <c:pt idx="1644">
                  <c:v>18.899999999999999</c:v>
                </c:pt>
                <c:pt idx="1645">
                  <c:v>19.2</c:v>
                </c:pt>
                <c:pt idx="1646">
                  <c:v>19</c:v>
                </c:pt>
                <c:pt idx="1647">
                  <c:v>19.2</c:v>
                </c:pt>
                <c:pt idx="1648">
                  <c:v>18.899999999999999</c:v>
                </c:pt>
                <c:pt idx="1649">
                  <c:v>19.2</c:v>
                </c:pt>
                <c:pt idx="1650">
                  <c:v>19.2</c:v>
                </c:pt>
                <c:pt idx="1651">
                  <c:v>18.899999999999999</c:v>
                </c:pt>
                <c:pt idx="1652">
                  <c:v>19.100000000000001</c:v>
                </c:pt>
                <c:pt idx="1653">
                  <c:v>19</c:v>
                </c:pt>
                <c:pt idx="1654">
                  <c:v>19</c:v>
                </c:pt>
                <c:pt idx="1655">
                  <c:v>19.100000000000001</c:v>
                </c:pt>
                <c:pt idx="1656">
                  <c:v>19.100000000000001</c:v>
                </c:pt>
                <c:pt idx="1657">
                  <c:v>18.7</c:v>
                </c:pt>
                <c:pt idx="1658">
                  <c:v>19</c:v>
                </c:pt>
                <c:pt idx="1659">
                  <c:v>18.7</c:v>
                </c:pt>
                <c:pt idx="1660">
                  <c:v>19.100000000000001</c:v>
                </c:pt>
                <c:pt idx="1661">
                  <c:v>19.2</c:v>
                </c:pt>
                <c:pt idx="1662">
                  <c:v>19.2</c:v>
                </c:pt>
                <c:pt idx="1663">
                  <c:v>19.100000000000001</c:v>
                </c:pt>
                <c:pt idx="1664">
                  <c:v>19.100000000000001</c:v>
                </c:pt>
                <c:pt idx="1665">
                  <c:v>18.899999999999999</c:v>
                </c:pt>
                <c:pt idx="1666">
                  <c:v>19.2</c:v>
                </c:pt>
                <c:pt idx="1667">
                  <c:v>19</c:v>
                </c:pt>
                <c:pt idx="1668">
                  <c:v>19.100000000000001</c:v>
                </c:pt>
                <c:pt idx="1669">
                  <c:v>18.899999999999999</c:v>
                </c:pt>
                <c:pt idx="1670">
                  <c:v>19</c:v>
                </c:pt>
                <c:pt idx="1671">
                  <c:v>18.899999999999999</c:v>
                </c:pt>
                <c:pt idx="1672">
                  <c:v>19.100000000000001</c:v>
                </c:pt>
                <c:pt idx="1673">
                  <c:v>19.399999999999999</c:v>
                </c:pt>
                <c:pt idx="1674">
                  <c:v>19</c:v>
                </c:pt>
                <c:pt idx="1675">
                  <c:v>18.8</c:v>
                </c:pt>
                <c:pt idx="1676">
                  <c:v>19</c:v>
                </c:pt>
                <c:pt idx="1677">
                  <c:v>19</c:v>
                </c:pt>
                <c:pt idx="1678">
                  <c:v>19.2</c:v>
                </c:pt>
                <c:pt idx="1679">
                  <c:v>19</c:v>
                </c:pt>
                <c:pt idx="1680">
                  <c:v>18.899999999999999</c:v>
                </c:pt>
                <c:pt idx="1681">
                  <c:v>18.8</c:v>
                </c:pt>
                <c:pt idx="1682">
                  <c:v>18.899999999999999</c:v>
                </c:pt>
                <c:pt idx="1683">
                  <c:v>18.899999999999999</c:v>
                </c:pt>
                <c:pt idx="1684">
                  <c:v>19.100000000000001</c:v>
                </c:pt>
                <c:pt idx="1685">
                  <c:v>19.100000000000001</c:v>
                </c:pt>
                <c:pt idx="1686">
                  <c:v>18.8</c:v>
                </c:pt>
                <c:pt idx="1687">
                  <c:v>18.8</c:v>
                </c:pt>
                <c:pt idx="1688">
                  <c:v>19.100000000000001</c:v>
                </c:pt>
                <c:pt idx="1689">
                  <c:v>18.899999999999999</c:v>
                </c:pt>
                <c:pt idx="1690">
                  <c:v>18.899999999999999</c:v>
                </c:pt>
                <c:pt idx="1691">
                  <c:v>19.100000000000001</c:v>
                </c:pt>
                <c:pt idx="1692">
                  <c:v>19.2</c:v>
                </c:pt>
                <c:pt idx="1693">
                  <c:v>18.899999999999999</c:v>
                </c:pt>
                <c:pt idx="1694">
                  <c:v>19.3</c:v>
                </c:pt>
                <c:pt idx="1695">
                  <c:v>19.100000000000001</c:v>
                </c:pt>
                <c:pt idx="1696">
                  <c:v>19.100000000000001</c:v>
                </c:pt>
                <c:pt idx="1697">
                  <c:v>18.899999999999999</c:v>
                </c:pt>
                <c:pt idx="1698">
                  <c:v>19.2</c:v>
                </c:pt>
                <c:pt idx="1699">
                  <c:v>19.2</c:v>
                </c:pt>
                <c:pt idx="1700">
                  <c:v>18.8</c:v>
                </c:pt>
                <c:pt idx="1701">
                  <c:v>19.100000000000001</c:v>
                </c:pt>
                <c:pt idx="1702">
                  <c:v>18.899999999999999</c:v>
                </c:pt>
                <c:pt idx="1703">
                  <c:v>19.100000000000001</c:v>
                </c:pt>
                <c:pt idx="1704">
                  <c:v>19</c:v>
                </c:pt>
                <c:pt idx="1705">
                  <c:v>19</c:v>
                </c:pt>
                <c:pt idx="1706">
                  <c:v>19</c:v>
                </c:pt>
                <c:pt idx="1707">
                  <c:v>18.899999999999999</c:v>
                </c:pt>
                <c:pt idx="1708">
                  <c:v>19.3</c:v>
                </c:pt>
                <c:pt idx="1709">
                  <c:v>19</c:v>
                </c:pt>
                <c:pt idx="1710">
                  <c:v>19</c:v>
                </c:pt>
                <c:pt idx="1711">
                  <c:v>19</c:v>
                </c:pt>
                <c:pt idx="1712">
                  <c:v>18.899999999999999</c:v>
                </c:pt>
                <c:pt idx="1713">
                  <c:v>18.899999999999999</c:v>
                </c:pt>
                <c:pt idx="1714">
                  <c:v>19.2</c:v>
                </c:pt>
                <c:pt idx="1715">
                  <c:v>19</c:v>
                </c:pt>
                <c:pt idx="1716">
                  <c:v>19</c:v>
                </c:pt>
                <c:pt idx="1717">
                  <c:v>19.399999999999999</c:v>
                </c:pt>
                <c:pt idx="1718">
                  <c:v>19</c:v>
                </c:pt>
                <c:pt idx="1719">
                  <c:v>18.899999999999999</c:v>
                </c:pt>
                <c:pt idx="1720">
                  <c:v>19.3</c:v>
                </c:pt>
                <c:pt idx="1721">
                  <c:v>19.399999999999999</c:v>
                </c:pt>
                <c:pt idx="1722">
                  <c:v>19.100000000000001</c:v>
                </c:pt>
                <c:pt idx="1723">
                  <c:v>19.3</c:v>
                </c:pt>
                <c:pt idx="1724">
                  <c:v>19.100000000000001</c:v>
                </c:pt>
                <c:pt idx="1725">
                  <c:v>19.2</c:v>
                </c:pt>
                <c:pt idx="1726">
                  <c:v>19</c:v>
                </c:pt>
                <c:pt idx="1727">
                  <c:v>18.899999999999999</c:v>
                </c:pt>
                <c:pt idx="1728">
                  <c:v>19.2</c:v>
                </c:pt>
                <c:pt idx="1729">
                  <c:v>19.3</c:v>
                </c:pt>
                <c:pt idx="1730">
                  <c:v>19</c:v>
                </c:pt>
                <c:pt idx="1731">
                  <c:v>19.2</c:v>
                </c:pt>
                <c:pt idx="1732">
                  <c:v>18.7</c:v>
                </c:pt>
                <c:pt idx="1733">
                  <c:v>18.8</c:v>
                </c:pt>
                <c:pt idx="1734">
                  <c:v>19.3</c:v>
                </c:pt>
                <c:pt idx="1735">
                  <c:v>19</c:v>
                </c:pt>
                <c:pt idx="1736">
                  <c:v>19.3</c:v>
                </c:pt>
                <c:pt idx="1737">
                  <c:v>19.2</c:v>
                </c:pt>
                <c:pt idx="1738">
                  <c:v>19.2</c:v>
                </c:pt>
                <c:pt idx="1739">
                  <c:v>19</c:v>
                </c:pt>
                <c:pt idx="1740">
                  <c:v>19</c:v>
                </c:pt>
                <c:pt idx="1741">
                  <c:v>19.3</c:v>
                </c:pt>
                <c:pt idx="1742">
                  <c:v>19.2</c:v>
                </c:pt>
                <c:pt idx="1743">
                  <c:v>19</c:v>
                </c:pt>
                <c:pt idx="1744">
                  <c:v>19.2</c:v>
                </c:pt>
                <c:pt idx="1745">
                  <c:v>19.2</c:v>
                </c:pt>
                <c:pt idx="1746">
                  <c:v>19</c:v>
                </c:pt>
                <c:pt idx="1747">
                  <c:v>19</c:v>
                </c:pt>
                <c:pt idx="1748">
                  <c:v>19.100000000000001</c:v>
                </c:pt>
                <c:pt idx="1749">
                  <c:v>19.100000000000001</c:v>
                </c:pt>
                <c:pt idx="1750">
                  <c:v>19.2</c:v>
                </c:pt>
                <c:pt idx="1751">
                  <c:v>19.100000000000001</c:v>
                </c:pt>
                <c:pt idx="1752">
                  <c:v>18.899999999999999</c:v>
                </c:pt>
                <c:pt idx="1753">
                  <c:v>18</c:v>
                </c:pt>
                <c:pt idx="1754">
                  <c:v>18.899999999999999</c:v>
                </c:pt>
                <c:pt idx="1755">
                  <c:v>18.899999999999999</c:v>
                </c:pt>
                <c:pt idx="1756">
                  <c:v>19</c:v>
                </c:pt>
                <c:pt idx="1757">
                  <c:v>19.100000000000001</c:v>
                </c:pt>
                <c:pt idx="1758">
                  <c:v>19.2</c:v>
                </c:pt>
                <c:pt idx="1759">
                  <c:v>19.100000000000001</c:v>
                </c:pt>
                <c:pt idx="1760">
                  <c:v>19</c:v>
                </c:pt>
                <c:pt idx="1761">
                  <c:v>18.899999999999999</c:v>
                </c:pt>
                <c:pt idx="1762">
                  <c:v>19.2</c:v>
                </c:pt>
                <c:pt idx="1763">
                  <c:v>19.100000000000001</c:v>
                </c:pt>
                <c:pt idx="1764">
                  <c:v>18.899999999999999</c:v>
                </c:pt>
                <c:pt idx="1765">
                  <c:v>19.100000000000001</c:v>
                </c:pt>
                <c:pt idx="1766">
                  <c:v>18.899999999999999</c:v>
                </c:pt>
                <c:pt idx="1767">
                  <c:v>19.2</c:v>
                </c:pt>
                <c:pt idx="1768">
                  <c:v>19.2</c:v>
                </c:pt>
                <c:pt idx="1769">
                  <c:v>19.100000000000001</c:v>
                </c:pt>
                <c:pt idx="1770">
                  <c:v>19.100000000000001</c:v>
                </c:pt>
                <c:pt idx="1771">
                  <c:v>19</c:v>
                </c:pt>
                <c:pt idx="1772">
                  <c:v>19</c:v>
                </c:pt>
                <c:pt idx="1773">
                  <c:v>19.2</c:v>
                </c:pt>
                <c:pt idx="1774">
                  <c:v>19.100000000000001</c:v>
                </c:pt>
                <c:pt idx="1775">
                  <c:v>19.100000000000001</c:v>
                </c:pt>
                <c:pt idx="1776">
                  <c:v>19.100000000000001</c:v>
                </c:pt>
                <c:pt idx="1777">
                  <c:v>19</c:v>
                </c:pt>
                <c:pt idx="1778">
                  <c:v>19.2</c:v>
                </c:pt>
                <c:pt idx="1779">
                  <c:v>19.100000000000001</c:v>
                </c:pt>
                <c:pt idx="1780">
                  <c:v>18.899999999999999</c:v>
                </c:pt>
                <c:pt idx="1781">
                  <c:v>19.2</c:v>
                </c:pt>
                <c:pt idx="1782">
                  <c:v>19.2</c:v>
                </c:pt>
                <c:pt idx="1783">
                  <c:v>19.3</c:v>
                </c:pt>
                <c:pt idx="1784">
                  <c:v>19</c:v>
                </c:pt>
                <c:pt idx="1785">
                  <c:v>19.3</c:v>
                </c:pt>
                <c:pt idx="1786">
                  <c:v>19.100000000000001</c:v>
                </c:pt>
                <c:pt idx="1787">
                  <c:v>19</c:v>
                </c:pt>
                <c:pt idx="1788">
                  <c:v>19</c:v>
                </c:pt>
                <c:pt idx="1789">
                  <c:v>19.2</c:v>
                </c:pt>
                <c:pt idx="1790">
                  <c:v>19.5</c:v>
                </c:pt>
                <c:pt idx="1791">
                  <c:v>18.8</c:v>
                </c:pt>
                <c:pt idx="1792">
                  <c:v>19</c:v>
                </c:pt>
                <c:pt idx="1793">
                  <c:v>19</c:v>
                </c:pt>
                <c:pt idx="1794">
                  <c:v>19</c:v>
                </c:pt>
                <c:pt idx="1795">
                  <c:v>19.2</c:v>
                </c:pt>
                <c:pt idx="1796">
                  <c:v>19</c:v>
                </c:pt>
                <c:pt idx="1797">
                  <c:v>19</c:v>
                </c:pt>
                <c:pt idx="1798">
                  <c:v>19</c:v>
                </c:pt>
                <c:pt idx="1799">
                  <c:v>1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05A2-46D7-B5A1-928669B4363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15879039"/>
        <c:axId val="1815278527"/>
      </c:scatterChart>
      <c:valAx>
        <c:axId val="1815879039"/>
        <c:scaling>
          <c:orientation val="minMax"/>
          <c:max val="1799"/>
          <c:min val="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815278527"/>
        <c:crosses val="autoZero"/>
        <c:crossBetween val="midCat"/>
      </c:valAx>
      <c:valAx>
        <c:axId val="1815278527"/>
        <c:scaling>
          <c:orientation val="minMax"/>
          <c:max val="23"/>
          <c:min val="4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815879039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Humidity (%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30Inside'!$D$1</c:f>
              <c:strCache>
                <c:ptCount val="1"/>
                <c:pt idx="0">
                  <c:v>airHUM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30Inside'!$A$2:$A$1801</c:f>
              <c:numCache>
                <c:formatCode>General</c:formatCode>
                <c:ptCount val="1800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1</c:v>
                </c:pt>
                <c:pt idx="1002">
                  <c:v>1002</c:v>
                </c:pt>
                <c:pt idx="1003">
                  <c:v>1003</c:v>
                </c:pt>
                <c:pt idx="1004">
                  <c:v>1004</c:v>
                </c:pt>
                <c:pt idx="1005">
                  <c:v>1005</c:v>
                </c:pt>
                <c:pt idx="1006">
                  <c:v>1006</c:v>
                </c:pt>
                <c:pt idx="1007">
                  <c:v>1007</c:v>
                </c:pt>
                <c:pt idx="1008">
                  <c:v>1008</c:v>
                </c:pt>
                <c:pt idx="1009">
                  <c:v>1009</c:v>
                </c:pt>
                <c:pt idx="1010">
                  <c:v>1010</c:v>
                </c:pt>
                <c:pt idx="1011">
                  <c:v>1011</c:v>
                </c:pt>
                <c:pt idx="1012">
                  <c:v>1012</c:v>
                </c:pt>
                <c:pt idx="1013">
                  <c:v>1013</c:v>
                </c:pt>
                <c:pt idx="1014">
                  <c:v>1014</c:v>
                </c:pt>
                <c:pt idx="1015">
                  <c:v>1015</c:v>
                </c:pt>
                <c:pt idx="1016">
                  <c:v>1016</c:v>
                </c:pt>
                <c:pt idx="1017">
                  <c:v>1017</c:v>
                </c:pt>
                <c:pt idx="1018">
                  <c:v>1018</c:v>
                </c:pt>
                <c:pt idx="1019">
                  <c:v>1019</c:v>
                </c:pt>
                <c:pt idx="1020">
                  <c:v>1020</c:v>
                </c:pt>
                <c:pt idx="1021">
                  <c:v>1021</c:v>
                </c:pt>
                <c:pt idx="1022">
                  <c:v>1022</c:v>
                </c:pt>
                <c:pt idx="1023">
                  <c:v>1023</c:v>
                </c:pt>
                <c:pt idx="1024">
                  <c:v>1024</c:v>
                </c:pt>
                <c:pt idx="1025">
                  <c:v>1025</c:v>
                </c:pt>
                <c:pt idx="1026">
                  <c:v>1026</c:v>
                </c:pt>
                <c:pt idx="1027">
                  <c:v>1027</c:v>
                </c:pt>
                <c:pt idx="1028">
                  <c:v>1028</c:v>
                </c:pt>
                <c:pt idx="1029">
                  <c:v>1029</c:v>
                </c:pt>
                <c:pt idx="1030">
                  <c:v>1030</c:v>
                </c:pt>
                <c:pt idx="1031">
                  <c:v>1031</c:v>
                </c:pt>
                <c:pt idx="1032">
                  <c:v>1032</c:v>
                </c:pt>
                <c:pt idx="1033">
                  <c:v>1033</c:v>
                </c:pt>
                <c:pt idx="1034">
                  <c:v>1034</c:v>
                </c:pt>
                <c:pt idx="1035">
                  <c:v>1035</c:v>
                </c:pt>
                <c:pt idx="1036">
                  <c:v>1036</c:v>
                </c:pt>
                <c:pt idx="1037">
                  <c:v>1037</c:v>
                </c:pt>
                <c:pt idx="1038">
                  <c:v>1038</c:v>
                </c:pt>
                <c:pt idx="1039">
                  <c:v>1039</c:v>
                </c:pt>
                <c:pt idx="1040">
                  <c:v>1040</c:v>
                </c:pt>
                <c:pt idx="1041">
                  <c:v>1041</c:v>
                </c:pt>
                <c:pt idx="1042">
                  <c:v>1042</c:v>
                </c:pt>
                <c:pt idx="1043">
                  <c:v>1043</c:v>
                </c:pt>
                <c:pt idx="1044">
                  <c:v>1044</c:v>
                </c:pt>
                <c:pt idx="1045">
                  <c:v>1045</c:v>
                </c:pt>
                <c:pt idx="1046">
                  <c:v>1046</c:v>
                </c:pt>
                <c:pt idx="1047">
                  <c:v>1047</c:v>
                </c:pt>
                <c:pt idx="1048">
                  <c:v>1048</c:v>
                </c:pt>
                <c:pt idx="1049">
                  <c:v>1049</c:v>
                </c:pt>
                <c:pt idx="1050">
                  <c:v>1050</c:v>
                </c:pt>
                <c:pt idx="1051">
                  <c:v>1051</c:v>
                </c:pt>
                <c:pt idx="1052">
                  <c:v>1052</c:v>
                </c:pt>
                <c:pt idx="1053">
                  <c:v>1053</c:v>
                </c:pt>
                <c:pt idx="1054">
                  <c:v>1054</c:v>
                </c:pt>
                <c:pt idx="1055">
                  <c:v>1055</c:v>
                </c:pt>
                <c:pt idx="1056">
                  <c:v>1056</c:v>
                </c:pt>
                <c:pt idx="1057">
                  <c:v>1057</c:v>
                </c:pt>
                <c:pt idx="1058">
                  <c:v>1058</c:v>
                </c:pt>
                <c:pt idx="1059">
                  <c:v>1059</c:v>
                </c:pt>
                <c:pt idx="1060">
                  <c:v>1060</c:v>
                </c:pt>
                <c:pt idx="1061">
                  <c:v>1061</c:v>
                </c:pt>
                <c:pt idx="1062">
                  <c:v>1062</c:v>
                </c:pt>
                <c:pt idx="1063">
                  <c:v>1063</c:v>
                </c:pt>
                <c:pt idx="1064">
                  <c:v>1064</c:v>
                </c:pt>
                <c:pt idx="1065">
                  <c:v>1065</c:v>
                </c:pt>
                <c:pt idx="1066">
                  <c:v>1066</c:v>
                </c:pt>
                <c:pt idx="1067">
                  <c:v>1067</c:v>
                </c:pt>
                <c:pt idx="1068">
                  <c:v>1068</c:v>
                </c:pt>
                <c:pt idx="1069">
                  <c:v>1069</c:v>
                </c:pt>
                <c:pt idx="1070">
                  <c:v>1070</c:v>
                </c:pt>
                <c:pt idx="1071">
                  <c:v>1071</c:v>
                </c:pt>
                <c:pt idx="1072">
                  <c:v>1072</c:v>
                </c:pt>
                <c:pt idx="1073">
                  <c:v>1073</c:v>
                </c:pt>
                <c:pt idx="1074">
                  <c:v>1074</c:v>
                </c:pt>
                <c:pt idx="1075">
                  <c:v>1075</c:v>
                </c:pt>
                <c:pt idx="1076">
                  <c:v>1076</c:v>
                </c:pt>
                <c:pt idx="1077">
                  <c:v>1077</c:v>
                </c:pt>
                <c:pt idx="1078">
                  <c:v>1078</c:v>
                </c:pt>
                <c:pt idx="1079">
                  <c:v>1079</c:v>
                </c:pt>
                <c:pt idx="1080">
                  <c:v>1080</c:v>
                </c:pt>
                <c:pt idx="1081">
                  <c:v>1081</c:v>
                </c:pt>
                <c:pt idx="1082">
                  <c:v>1082</c:v>
                </c:pt>
                <c:pt idx="1083">
                  <c:v>1083</c:v>
                </c:pt>
                <c:pt idx="1084">
                  <c:v>1084</c:v>
                </c:pt>
                <c:pt idx="1085">
                  <c:v>1085</c:v>
                </c:pt>
                <c:pt idx="1086">
                  <c:v>1086</c:v>
                </c:pt>
                <c:pt idx="1087">
                  <c:v>1087</c:v>
                </c:pt>
                <c:pt idx="1088">
                  <c:v>1088</c:v>
                </c:pt>
                <c:pt idx="1089">
                  <c:v>1089</c:v>
                </c:pt>
                <c:pt idx="1090">
                  <c:v>1090</c:v>
                </c:pt>
                <c:pt idx="1091">
                  <c:v>1091</c:v>
                </c:pt>
                <c:pt idx="1092">
                  <c:v>1092</c:v>
                </c:pt>
                <c:pt idx="1093">
                  <c:v>1093</c:v>
                </c:pt>
                <c:pt idx="1094">
                  <c:v>1094</c:v>
                </c:pt>
                <c:pt idx="1095">
                  <c:v>1095</c:v>
                </c:pt>
                <c:pt idx="1096">
                  <c:v>1096</c:v>
                </c:pt>
                <c:pt idx="1097">
                  <c:v>1097</c:v>
                </c:pt>
                <c:pt idx="1098">
                  <c:v>1098</c:v>
                </c:pt>
                <c:pt idx="1099">
                  <c:v>1099</c:v>
                </c:pt>
                <c:pt idx="1100">
                  <c:v>1100</c:v>
                </c:pt>
                <c:pt idx="1101">
                  <c:v>1101</c:v>
                </c:pt>
                <c:pt idx="1102">
                  <c:v>1102</c:v>
                </c:pt>
                <c:pt idx="1103">
                  <c:v>1103</c:v>
                </c:pt>
                <c:pt idx="1104">
                  <c:v>1104</c:v>
                </c:pt>
                <c:pt idx="1105">
                  <c:v>1105</c:v>
                </c:pt>
                <c:pt idx="1106">
                  <c:v>1106</c:v>
                </c:pt>
                <c:pt idx="1107">
                  <c:v>1107</c:v>
                </c:pt>
                <c:pt idx="1108">
                  <c:v>1108</c:v>
                </c:pt>
                <c:pt idx="1109">
                  <c:v>1109</c:v>
                </c:pt>
                <c:pt idx="1110">
                  <c:v>1110</c:v>
                </c:pt>
                <c:pt idx="1111">
                  <c:v>1111</c:v>
                </c:pt>
                <c:pt idx="1112">
                  <c:v>1112</c:v>
                </c:pt>
                <c:pt idx="1113">
                  <c:v>1113</c:v>
                </c:pt>
                <c:pt idx="1114">
                  <c:v>1114</c:v>
                </c:pt>
                <c:pt idx="1115">
                  <c:v>1115</c:v>
                </c:pt>
                <c:pt idx="1116">
                  <c:v>1116</c:v>
                </c:pt>
                <c:pt idx="1117">
                  <c:v>1117</c:v>
                </c:pt>
                <c:pt idx="1118">
                  <c:v>1118</c:v>
                </c:pt>
                <c:pt idx="1119">
                  <c:v>1119</c:v>
                </c:pt>
                <c:pt idx="1120">
                  <c:v>1120</c:v>
                </c:pt>
                <c:pt idx="1121">
                  <c:v>1121</c:v>
                </c:pt>
                <c:pt idx="1122">
                  <c:v>1122</c:v>
                </c:pt>
                <c:pt idx="1123">
                  <c:v>1123</c:v>
                </c:pt>
                <c:pt idx="1124">
                  <c:v>1124</c:v>
                </c:pt>
                <c:pt idx="1125">
                  <c:v>1125</c:v>
                </c:pt>
                <c:pt idx="1126">
                  <c:v>1126</c:v>
                </c:pt>
                <c:pt idx="1127">
                  <c:v>1127</c:v>
                </c:pt>
                <c:pt idx="1128">
                  <c:v>1128</c:v>
                </c:pt>
                <c:pt idx="1129">
                  <c:v>1129</c:v>
                </c:pt>
                <c:pt idx="1130">
                  <c:v>1130</c:v>
                </c:pt>
                <c:pt idx="1131">
                  <c:v>1131</c:v>
                </c:pt>
                <c:pt idx="1132">
                  <c:v>1132</c:v>
                </c:pt>
                <c:pt idx="1133">
                  <c:v>1133</c:v>
                </c:pt>
                <c:pt idx="1134">
                  <c:v>1134</c:v>
                </c:pt>
                <c:pt idx="1135">
                  <c:v>1135</c:v>
                </c:pt>
                <c:pt idx="1136">
                  <c:v>1136</c:v>
                </c:pt>
                <c:pt idx="1137">
                  <c:v>1137</c:v>
                </c:pt>
                <c:pt idx="1138">
                  <c:v>1138</c:v>
                </c:pt>
                <c:pt idx="1139">
                  <c:v>1139</c:v>
                </c:pt>
                <c:pt idx="1140">
                  <c:v>1140</c:v>
                </c:pt>
                <c:pt idx="1141">
                  <c:v>1141</c:v>
                </c:pt>
                <c:pt idx="1142">
                  <c:v>1142</c:v>
                </c:pt>
                <c:pt idx="1143">
                  <c:v>1143</c:v>
                </c:pt>
                <c:pt idx="1144">
                  <c:v>1144</c:v>
                </c:pt>
                <c:pt idx="1145">
                  <c:v>1145</c:v>
                </c:pt>
                <c:pt idx="1146">
                  <c:v>1146</c:v>
                </c:pt>
                <c:pt idx="1147">
                  <c:v>1147</c:v>
                </c:pt>
                <c:pt idx="1148">
                  <c:v>1148</c:v>
                </c:pt>
                <c:pt idx="1149">
                  <c:v>1149</c:v>
                </c:pt>
                <c:pt idx="1150">
                  <c:v>1150</c:v>
                </c:pt>
                <c:pt idx="1151">
                  <c:v>1151</c:v>
                </c:pt>
                <c:pt idx="1152">
                  <c:v>1152</c:v>
                </c:pt>
                <c:pt idx="1153">
                  <c:v>1153</c:v>
                </c:pt>
                <c:pt idx="1154">
                  <c:v>1154</c:v>
                </c:pt>
                <c:pt idx="1155">
                  <c:v>1155</c:v>
                </c:pt>
                <c:pt idx="1156">
                  <c:v>1156</c:v>
                </c:pt>
                <c:pt idx="1157">
                  <c:v>1157</c:v>
                </c:pt>
                <c:pt idx="1158">
                  <c:v>1158</c:v>
                </c:pt>
                <c:pt idx="1159">
                  <c:v>1159</c:v>
                </c:pt>
                <c:pt idx="1160">
                  <c:v>1160</c:v>
                </c:pt>
                <c:pt idx="1161">
                  <c:v>1161</c:v>
                </c:pt>
                <c:pt idx="1162">
                  <c:v>1162</c:v>
                </c:pt>
                <c:pt idx="1163">
                  <c:v>1163</c:v>
                </c:pt>
                <c:pt idx="1164">
                  <c:v>1164</c:v>
                </c:pt>
                <c:pt idx="1165">
                  <c:v>1165</c:v>
                </c:pt>
                <c:pt idx="1166">
                  <c:v>1166</c:v>
                </c:pt>
                <c:pt idx="1167">
                  <c:v>1167</c:v>
                </c:pt>
                <c:pt idx="1168">
                  <c:v>1168</c:v>
                </c:pt>
                <c:pt idx="1169">
                  <c:v>1169</c:v>
                </c:pt>
                <c:pt idx="1170">
                  <c:v>1170</c:v>
                </c:pt>
                <c:pt idx="1171">
                  <c:v>1171</c:v>
                </c:pt>
                <c:pt idx="1172">
                  <c:v>1172</c:v>
                </c:pt>
                <c:pt idx="1173">
                  <c:v>1173</c:v>
                </c:pt>
                <c:pt idx="1174">
                  <c:v>1174</c:v>
                </c:pt>
                <c:pt idx="1175">
                  <c:v>1175</c:v>
                </c:pt>
                <c:pt idx="1176">
                  <c:v>1176</c:v>
                </c:pt>
                <c:pt idx="1177">
                  <c:v>1177</c:v>
                </c:pt>
                <c:pt idx="1178">
                  <c:v>1178</c:v>
                </c:pt>
                <c:pt idx="1179">
                  <c:v>1179</c:v>
                </c:pt>
                <c:pt idx="1180">
                  <c:v>1180</c:v>
                </c:pt>
                <c:pt idx="1181">
                  <c:v>1181</c:v>
                </c:pt>
                <c:pt idx="1182">
                  <c:v>1182</c:v>
                </c:pt>
                <c:pt idx="1183">
                  <c:v>1183</c:v>
                </c:pt>
                <c:pt idx="1184">
                  <c:v>1184</c:v>
                </c:pt>
                <c:pt idx="1185">
                  <c:v>1185</c:v>
                </c:pt>
                <c:pt idx="1186">
                  <c:v>1186</c:v>
                </c:pt>
                <c:pt idx="1187">
                  <c:v>1187</c:v>
                </c:pt>
                <c:pt idx="1188">
                  <c:v>1188</c:v>
                </c:pt>
                <c:pt idx="1189">
                  <c:v>1189</c:v>
                </c:pt>
                <c:pt idx="1190">
                  <c:v>1190</c:v>
                </c:pt>
                <c:pt idx="1191">
                  <c:v>1191</c:v>
                </c:pt>
                <c:pt idx="1192">
                  <c:v>1192</c:v>
                </c:pt>
                <c:pt idx="1193">
                  <c:v>1193</c:v>
                </c:pt>
                <c:pt idx="1194">
                  <c:v>1194</c:v>
                </c:pt>
                <c:pt idx="1195">
                  <c:v>1195</c:v>
                </c:pt>
                <c:pt idx="1196">
                  <c:v>1196</c:v>
                </c:pt>
                <c:pt idx="1197">
                  <c:v>1197</c:v>
                </c:pt>
                <c:pt idx="1198">
                  <c:v>1198</c:v>
                </c:pt>
                <c:pt idx="1199">
                  <c:v>1199</c:v>
                </c:pt>
                <c:pt idx="1200">
                  <c:v>1200</c:v>
                </c:pt>
                <c:pt idx="1201">
                  <c:v>1201</c:v>
                </c:pt>
                <c:pt idx="1202">
                  <c:v>1202</c:v>
                </c:pt>
                <c:pt idx="1203">
                  <c:v>1203</c:v>
                </c:pt>
                <c:pt idx="1204">
                  <c:v>1204</c:v>
                </c:pt>
                <c:pt idx="1205">
                  <c:v>1205</c:v>
                </c:pt>
                <c:pt idx="1206">
                  <c:v>1206</c:v>
                </c:pt>
                <c:pt idx="1207">
                  <c:v>1207</c:v>
                </c:pt>
                <c:pt idx="1208">
                  <c:v>1208</c:v>
                </c:pt>
                <c:pt idx="1209">
                  <c:v>1209</c:v>
                </c:pt>
                <c:pt idx="1210">
                  <c:v>1210</c:v>
                </c:pt>
                <c:pt idx="1211">
                  <c:v>1211</c:v>
                </c:pt>
                <c:pt idx="1212">
                  <c:v>1212</c:v>
                </c:pt>
                <c:pt idx="1213">
                  <c:v>1213</c:v>
                </c:pt>
                <c:pt idx="1214">
                  <c:v>1214</c:v>
                </c:pt>
                <c:pt idx="1215">
                  <c:v>1215</c:v>
                </c:pt>
                <c:pt idx="1216">
                  <c:v>1216</c:v>
                </c:pt>
                <c:pt idx="1217">
                  <c:v>1217</c:v>
                </c:pt>
                <c:pt idx="1218">
                  <c:v>1218</c:v>
                </c:pt>
                <c:pt idx="1219">
                  <c:v>1219</c:v>
                </c:pt>
                <c:pt idx="1220">
                  <c:v>1220</c:v>
                </c:pt>
                <c:pt idx="1221">
                  <c:v>1221</c:v>
                </c:pt>
                <c:pt idx="1222">
                  <c:v>1222</c:v>
                </c:pt>
                <c:pt idx="1223">
                  <c:v>1223</c:v>
                </c:pt>
                <c:pt idx="1224">
                  <c:v>1224</c:v>
                </c:pt>
                <c:pt idx="1225">
                  <c:v>1225</c:v>
                </c:pt>
                <c:pt idx="1226">
                  <c:v>1226</c:v>
                </c:pt>
                <c:pt idx="1227">
                  <c:v>1227</c:v>
                </c:pt>
                <c:pt idx="1228">
                  <c:v>1228</c:v>
                </c:pt>
                <c:pt idx="1229">
                  <c:v>1229</c:v>
                </c:pt>
                <c:pt idx="1230">
                  <c:v>1230</c:v>
                </c:pt>
                <c:pt idx="1231">
                  <c:v>1231</c:v>
                </c:pt>
                <c:pt idx="1232">
                  <c:v>1232</c:v>
                </c:pt>
                <c:pt idx="1233">
                  <c:v>1233</c:v>
                </c:pt>
                <c:pt idx="1234">
                  <c:v>1234</c:v>
                </c:pt>
                <c:pt idx="1235">
                  <c:v>1235</c:v>
                </c:pt>
                <c:pt idx="1236">
                  <c:v>1236</c:v>
                </c:pt>
                <c:pt idx="1237">
                  <c:v>1237</c:v>
                </c:pt>
                <c:pt idx="1238">
                  <c:v>1238</c:v>
                </c:pt>
                <c:pt idx="1239">
                  <c:v>1239</c:v>
                </c:pt>
                <c:pt idx="1240">
                  <c:v>1240</c:v>
                </c:pt>
                <c:pt idx="1241">
                  <c:v>1241</c:v>
                </c:pt>
                <c:pt idx="1242">
                  <c:v>1242</c:v>
                </c:pt>
                <c:pt idx="1243">
                  <c:v>1243</c:v>
                </c:pt>
                <c:pt idx="1244">
                  <c:v>1244</c:v>
                </c:pt>
                <c:pt idx="1245">
                  <c:v>1245</c:v>
                </c:pt>
                <c:pt idx="1246">
                  <c:v>1246</c:v>
                </c:pt>
                <c:pt idx="1247">
                  <c:v>1247</c:v>
                </c:pt>
                <c:pt idx="1248">
                  <c:v>1248</c:v>
                </c:pt>
                <c:pt idx="1249">
                  <c:v>1249</c:v>
                </c:pt>
                <c:pt idx="1250">
                  <c:v>1250</c:v>
                </c:pt>
                <c:pt idx="1251">
                  <c:v>1251</c:v>
                </c:pt>
                <c:pt idx="1252">
                  <c:v>1252</c:v>
                </c:pt>
                <c:pt idx="1253">
                  <c:v>1253</c:v>
                </c:pt>
                <c:pt idx="1254">
                  <c:v>1254</c:v>
                </c:pt>
                <c:pt idx="1255">
                  <c:v>1255</c:v>
                </c:pt>
                <c:pt idx="1256">
                  <c:v>1256</c:v>
                </c:pt>
                <c:pt idx="1257">
                  <c:v>1257</c:v>
                </c:pt>
                <c:pt idx="1258">
                  <c:v>1258</c:v>
                </c:pt>
                <c:pt idx="1259">
                  <c:v>1259</c:v>
                </c:pt>
                <c:pt idx="1260">
                  <c:v>1260</c:v>
                </c:pt>
                <c:pt idx="1261">
                  <c:v>1261</c:v>
                </c:pt>
                <c:pt idx="1262">
                  <c:v>1262</c:v>
                </c:pt>
                <c:pt idx="1263">
                  <c:v>1263</c:v>
                </c:pt>
                <c:pt idx="1264">
                  <c:v>1264</c:v>
                </c:pt>
                <c:pt idx="1265">
                  <c:v>1265</c:v>
                </c:pt>
                <c:pt idx="1266">
                  <c:v>1266</c:v>
                </c:pt>
                <c:pt idx="1267">
                  <c:v>1267</c:v>
                </c:pt>
                <c:pt idx="1268">
                  <c:v>1268</c:v>
                </c:pt>
                <c:pt idx="1269">
                  <c:v>1269</c:v>
                </c:pt>
                <c:pt idx="1270">
                  <c:v>1270</c:v>
                </c:pt>
                <c:pt idx="1271">
                  <c:v>1271</c:v>
                </c:pt>
                <c:pt idx="1272">
                  <c:v>1272</c:v>
                </c:pt>
                <c:pt idx="1273">
                  <c:v>1273</c:v>
                </c:pt>
                <c:pt idx="1274">
                  <c:v>1274</c:v>
                </c:pt>
                <c:pt idx="1275">
                  <c:v>1275</c:v>
                </c:pt>
                <c:pt idx="1276">
                  <c:v>1276</c:v>
                </c:pt>
                <c:pt idx="1277">
                  <c:v>1277</c:v>
                </c:pt>
                <c:pt idx="1278">
                  <c:v>1278</c:v>
                </c:pt>
                <c:pt idx="1279">
                  <c:v>1279</c:v>
                </c:pt>
                <c:pt idx="1280">
                  <c:v>1280</c:v>
                </c:pt>
                <c:pt idx="1281">
                  <c:v>1281</c:v>
                </c:pt>
                <c:pt idx="1282">
                  <c:v>1282</c:v>
                </c:pt>
                <c:pt idx="1283">
                  <c:v>1283</c:v>
                </c:pt>
                <c:pt idx="1284">
                  <c:v>1284</c:v>
                </c:pt>
                <c:pt idx="1285">
                  <c:v>1285</c:v>
                </c:pt>
                <c:pt idx="1286">
                  <c:v>1286</c:v>
                </c:pt>
                <c:pt idx="1287">
                  <c:v>1287</c:v>
                </c:pt>
                <c:pt idx="1288">
                  <c:v>1288</c:v>
                </c:pt>
                <c:pt idx="1289">
                  <c:v>1289</c:v>
                </c:pt>
                <c:pt idx="1290">
                  <c:v>1290</c:v>
                </c:pt>
                <c:pt idx="1291">
                  <c:v>1291</c:v>
                </c:pt>
                <c:pt idx="1292">
                  <c:v>1292</c:v>
                </c:pt>
                <c:pt idx="1293">
                  <c:v>1293</c:v>
                </c:pt>
                <c:pt idx="1294">
                  <c:v>1294</c:v>
                </c:pt>
                <c:pt idx="1295">
                  <c:v>1295</c:v>
                </c:pt>
                <c:pt idx="1296">
                  <c:v>1296</c:v>
                </c:pt>
                <c:pt idx="1297">
                  <c:v>1297</c:v>
                </c:pt>
                <c:pt idx="1298">
                  <c:v>1298</c:v>
                </c:pt>
                <c:pt idx="1299">
                  <c:v>1299</c:v>
                </c:pt>
                <c:pt idx="1300">
                  <c:v>1300</c:v>
                </c:pt>
                <c:pt idx="1301">
                  <c:v>1301</c:v>
                </c:pt>
                <c:pt idx="1302">
                  <c:v>1302</c:v>
                </c:pt>
                <c:pt idx="1303">
                  <c:v>1303</c:v>
                </c:pt>
                <c:pt idx="1304">
                  <c:v>1304</c:v>
                </c:pt>
                <c:pt idx="1305">
                  <c:v>1305</c:v>
                </c:pt>
                <c:pt idx="1306">
                  <c:v>1306</c:v>
                </c:pt>
                <c:pt idx="1307">
                  <c:v>1307</c:v>
                </c:pt>
                <c:pt idx="1308">
                  <c:v>1308</c:v>
                </c:pt>
                <c:pt idx="1309">
                  <c:v>1309</c:v>
                </c:pt>
                <c:pt idx="1310">
                  <c:v>1310</c:v>
                </c:pt>
                <c:pt idx="1311">
                  <c:v>1311</c:v>
                </c:pt>
                <c:pt idx="1312">
                  <c:v>1312</c:v>
                </c:pt>
                <c:pt idx="1313">
                  <c:v>1313</c:v>
                </c:pt>
                <c:pt idx="1314">
                  <c:v>1314</c:v>
                </c:pt>
                <c:pt idx="1315">
                  <c:v>1315</c:v>
                </c:pt>
                <c:pt idx="1316">
                  <c:v>1316</c:v>
                </c:pt>
                <c:pt idx="1317">
                  <c:v>1317</c:v>
                </c:pt>
                <c:pt idx="1318">
                  <c:v>1318</c:v>
                </c:pt>
                <c:pt idx="1319">
                  <c:v>1319</c:v>
                </c:pt>
                <c:pt idx="1320">
                  <c:v>1320</c:v>
                </c:pt>
                <c:pt idx="1321">
                  <c:v>1321</c:v>
                </c:pt>
                <c:pt idx="1322">
                  <c:v>1322</c:v>
                </c:pt>
                <c:pt idx="1323">
                  <c:v>1323</c:v>
                </c:pt>
                <c:pt idx="1324">
                  <c:v>1324</c:v>
                </c:pt>
                <c:pt idx="1325">
                  <c:v>1325</c:v>
                </c:pt>
                <c:pt idx="1326">
                  <c:v>1326</c:v>
                </c:pt>
                <c:pt idx="1327">
                  <c:v>1327</c:v>
                </c:pt>
                <c:pt idx="1328">
                  <c:v>1328</c:v>
                </c:pt>
                <c:pt idx="1329">
                  <c:v>1329</c:v>
                </c:pt>
                <c:pt idx="1330">
                  <c:v>1330</c:v>
                </c:pt>
                <c:pt idx="1331">
                  <c:v>1331</c:v>
                </c:pt>
                <c:pt idx="1332">
                  <c:v>1332</c:v>
                </c:pt>
                <c:pt idx="1333">
                  <c:v>1333</c:v>
                </c:pt>
                <c:pt idx="1334">
                  <c:v>1334</c:v>
                </c:pt>
                <c:pt idx="1335">
                  <c:v>1335</c:v>
                </c:pt>
                <c:pt idx="1336">
                  <c:v>1336</c:v>
                </c:pt>
                <c:pt idx="1337">
                  <c:v>1337</c:v>
                </c:pt>
                <c:pt idx="1338">
                  <c:v>1338</c:v>
                </c:pt>
                <c:pt idx="1339">
                  <c:v>1339</c:v>
                </c:pt>
                <c:pt idx="1340">
                  <c:v>1340</c:v>
                </c:pt>
                <c:pt idx="1341">
                  <c:v>1341</c:v>
                </c:pt>
                <c:pt idx="1342">
                  <c:v>1342</c:v>
                </c:pt>
                <c:pt idx="1343">
                  <c:v>1343</c:v>
                </c:pt>
                <c:pt idx="1344">
                  <c:v>1344</c:v>
                </c:pt>
                <c:pt idx="1345">
                  <c:v>1345</c:v>
                </c:pt>
                <c:pt idx="1346">
                  <c:v>1346</c:v>
                </c:pt>
                <c:pt idx="1347">
                  <c:v>1347</c:v>
                </c:pt>
                <c:pt idx="1348">
                  <c:v>1348</c:v>
                </c:pt>
                <c:pt idx="1349">
                  <c:v>1349</c:v>
                </c:pt>
                <c:pt idx="1350">
                  <c:v>1350</c:v>
                </c:pt>
                <c:pt idx="1351">
                  <c:v>1351</c:v>
                </c:pt>
                <c:pt idx="1352">
                  <c:v>1352</c:v>
                </c:pt>
                <c:pt idx="1353">
                  <c:v>1353</c:v>
                </c:pt>
                <c:pt idx="1354">
                  <c:v>1354</c:v>
                </c:pt>
                <c:pt idx="1355">
                  <c:v>1355</c:v>
                </c:pt>
                <c:pt idx="1356">
                  <c:v>1356</c:v>
                </c:pt>
                <c:pt idx="1357">
                  <c:v>1357</c:v>
                </c:pt>
                <c:pt idx="1358">
                  <c:v>1358</c:v>
                </c:pt>
                <c:pt idx="1359">
                  <c:v>1359</c:v>
                </c:pt>
                <c:pt idx="1360">
                  <c:v>1360</c:v>
                </c:pt>
                <c:pt idx="1361">
                  <c:v>1361</c:v>
                </c:pt>
                <c:pt idx="1362">
                  <c:v>1362</c:v>
                </c:pt>
                <c:pt idx="1363">
                  <c:v>1363</c:v>
                </c:pt>
                <c:pt idx="1364">
                  <c:v>1364</c:v>
                </c:pt>
                <c:pt idx="1365">
                  <c:v>1365</c:v>
                </c:pt>
                <c:pt idx="1366">
                  <c:v>1366</c:v>
                </c:pt>
                <c:pt idx="1367">
                  <c:v>1367</c:v>
                </c:pt>
                <c:pt idx="1368">
                  <c:v>1368</c:v>
                </c:pt>
                <c:pt idx="1369">
                  <c:v>1369</c:v>
                </c:pt>
                <c:pt idx="1370">
                  <c:v>1370</c:v>
                </c:pt>
                <c:pt idx="1371">
                  <c:v>1371</c:v>
                </c:pt>
                <c:pt idx="1372">
                  <c:v>1372</c:v>
                </c:pt>
                <c:pt idx="1373">
                  <c:v>1373</c:v>
                </c:pt>
                <c:pt idx="1374">
                  <c:v>1374</c:v>
                </c:pt>
                <c:pt idx="1375">
                  <c:v>1375</c:v>
                </c:pt>
                <c:pt idx="1376">
                  <c:v>1376</c:v>
                </c:pt>
                <c:pt idx="1377">
                  <c:v>1377</c:v>
                </c:pt>
                <c:pt idx="1378">
                  <c:v>1378</c:v>
                </c:pt>
                <c:pt idx="1379">
                  <c:v>1379</c:v>
                </c:pt>
                <c:pt idx="1380">
                  <c:v>1380</c:v>
                </c:pt>
                <c:pt idx="1381">
                  <c:v>1381</c:v>
                </c:pt>
                <c:pt idx="1382">
                  <c:v>1382</c:v>
                </c:pt>
                <c:pt idx="1383">
                  <c:v>1383</c:v>
                </c:pt>
                <c:pt idx="1384">
                  <c:v>1384</c:v>
                </c:pt>
                <c:pt idx="1385">
                  <c:v>1385</c:v>
                </c:pt>
                <c:pt idx="1386">
                  <c:v>1386</c:v>
                </c:pt>
                <c:pt idx="1387">
                  <c:v>1387</c:v>
                </c:pt>
                <c:pt idx="1388">
                  <c:v>1388</c:v>
                </c:pt>
                <c:pt idx="1389">
                  <c:v>1389</c:v>
                </c:pt>
                <c:pt idx="1390">
                  <c:v>1390</c:v>
                </c:pt>
                <c:pt idx="1391">
                  <c:v>1391</c:v>
                </c:pt>
                <c:pt idx="1392">
                  <c:v>1392</c:v>
                </c:pt>
                <c:pt idx="1393">
                  <c:v>1393</c:v>
                </c:pt>
                <c:pt idx="1394">
                  <c:v>1394</c:v>
                </c:pt>
                <c:pt idx="1395">
                  <c:v>1395</c:v>
                </c:pt>
                <c:pt idx="1396">
                  <c:v>1396</c:v>
                </c:pt>
                <c:pt idx="1397">
                  <c:v>1397</c:v>
                </c:pt>
                <c:pt idx="1398">
                  <c:v>1398</c:v>
                </c:pt>
                <c:pt idx="1399">
                  <c:v>1399</c:v>
                </c:pt>
                <c:pt idx="1400">
                  <c:v>1400</c:v>
                </c:pt>
                <c:pt idx="1401">
                  <c:v>1401</c:v>
                </c:pt>
                <c:pt idx="1402">
                  <c:v>1402</c:v>
                </c:pt>
                <c:pt idx="1403">
                  <c:v>1403</c:v>
                </c:pt>
                <c:pt idx="1404">
                  <c:v>1404</c:v>
                </c:pt>
                <c:pt idx="1405">
                  <c:v>1405</c:v>
                </c:pt>
                <c:pt idx="1406">
                  <c:v>1406</c:v>
                </c:pt>
                <c:pt idx="1407">
                  <c:v>1407</c:v>
                </c:pt>
                <c:pt idx="1408">
                  <c:v>1408</c:v>
                </c:pt>
                <c:pt idx="1409">
                  <c:v>1409</c:v>
                </c:pt>
                <c:pt idx="1410">
                  <c:v>1410</c:v>
                </c:pt>
                <c:pt idx="1411">
                  <c:v>1411</c:v>
                </c:pt>
                <c:pt idx="1412">
                  <c:v>1412</c:v>
                </c:pt>
                <c:pt idx="1413">
                  <c:v>1413</c:v>
                </c:pt>
                <c:pt idx="1414">
                  <c:v>1414</c:v>
                </c:pt>
                <c:pt idx="1415">
                  <c:v>1415</c:v>
                </c:pt>
                <c:pt idx="1416">
                  <c:v>1416</c:v>
                </c:pt>
                <c:pt idx="1417">
                  <c:v>1417</c:v>
                </c:pt>
                <c:pt idx="1418">
                  <c:v>1418</c:v>
                </c:pt>
                <c:pt idx="1419">
                  <c:v>1419</c:v>
                </c:pt>
                <c:pt idx="1420">
                  <c:v>1420</c:v>
                </c:pt>
                <c:pt idx="1421">
                  <c:v>1421</c:v>
                </c:pt>
                <c:pt idx="1422">
                  <c:v>1422</c:v>
                </c:pt>
                <c:pt idx="1423">
                  <c:v>1423</c:v>
                </c:pt>
                <c:pt idx="1424">
                  <c:v>1424</c:v>
                </c:pt>
                <c:pt idx="1425">
                  <c:v>1425</c:v>
                </c:pt>
                <c:pt idx="1426">
                  <c:v>1426</c:v>
                </c:pt>
                <c:pt idx="1427">
                  <c:v>1427</c:v>
                </c:pt>
                <c:pt idx="1428">
                  <c:v>1428</c:v>
                </c:pt>
                <c:pt idx="1429">
                  <c:v>1429</c:v>
                </c:pt>
                <c:pt idx="1430">
                  <c:v>1430</c:v>
                </c:pt>
                <c:pt idx="1431">
                  <c:v>1431</c:v>
                </c:pt>
                <c:pt idx="1432">
                  <c:v>1432</c:v>
                </c:pt>
                <c:pt idx="1433">
                  <c:v>1433</c:v>
                </c:pt>
                <c:pt idx="1434">
                  <c:v>1434</c:v>
                </c:pt>
                <c:pt idx="1435">
                  <c:v>1435</c:v>
                </c:pt>
                <c:pt idx="1436">
                  <c:v>1436</c:v>
                </c:pt>
                <c:pt idx="1437">
                  <c:v>1437</c:v>
                </c:pt>
                <c:pt idx="1438">
                  <c:v>1438</c:v>
                </c:pt>
                <c:pt idx="1439">
                  <c:v>1439</c:v>
                </c:pt>
                <c:pt idx="1440">
                  <c:v>1440</c:v>
                </c:pt>
                <c:pt idx="1441">
                  <c:v>1441</c:v>
                </c:pt>
                <c:pt idx="1442">
                  <c:v>1442</c:v>
                </c:pt>
                <c:pt idx="1443">
                  <c:v>1443</c:v>
                </c:pt>
                <c:pt idx="1444">
                  <c:v>1444</c:v>
                </c:pt>
                <c:pt idx="1445">
                  <c:v>1445</c:v>
                </c:pt>
                <c:pt idx="1446">
                  <c:v>1446</c:v>
                </c:pt>
                <c:pt idx="1447">
                  <c:v>1447</c:v>
                </c:pt>
                <c:pt idx="1448">
                  <c:v>1448</c:v>
                </c:pt>
                <c:pt idx="1449">
                  <c:v>1449</c:v>
                </c:pt>
                <c:pt idx="1450">
                  <c:v>1450</c:v>
                </c:pt>
                <c:pt idx="1451">
                  <c:v>1451</c:v>
                </c:pt>
                <c:pt idx="1452">
                  <c:v>1452</c:v>
                </c:pt>
                <c:pt idx="1453">
                  <c:v>1453</c:v>
                </c:pt>
                <c:pt idx="1454">
                  <c:v>1454</c:v>
                </c:pt>
                <c:pt idx="1455">
                  <c:v>1455</c:v>
                </c:pt>
                <c:pt idx="1456">
                  <c:v>1456</c:v>
                </c:pt>
                <c:pt idx="1457">
                  <c:v>1457</c:v>
                </c:pt>
                <c:pt idx="1458">
                  <c:v>1458</c:v>
                </c:pt>
                <c:pt idx="1459">
                  <c:v>1459</c:v>
                </c:pt>
                <c:pt idx="1460">
                  <c:v>1460</c:v>
                </c:pt>
                <c:pt idx="1461">
                  <c:v>1461</c:v>
                </c:pt>
                <c:pt idx="1462">
                  <c:v>1462</c:v>
                </c:pt>
                <c:pt idx="1463">
                  <c:v>1463</c:v>
                </c:pt>
                <c:pt idx="1464">
                  <c:v>1464</c:v>
                </c:pt>
                <c:pt idx="1465">
                  <c:v>1465</c:v>
                </c:pt>
                <c:pt idx="1466">
                  <c:v>1466</c:v>
                </c:pt>
                <c:pt idx="1467">
                  <c:v>1467</c:v>
                </c:pt>
                <c:pt idx="1468">
                  <c:v>1468</c:v>
                </c:pt>
                <c:pt idx="1469">
                  <c:v>1469</c:v>
                </c:pt>
                <c:pt idx="1470">
                  <c:v>1470</c:v>
                </c:pt>
                <c:pt idx="1471">
                  <c:v>1471</c:v>
                </c:pt>
                <c:pt idx="1472">
                  <c:v>1472</c:v>
                </c:pt>
                <c:pt idx="1473">
                  <c:v>1473</c:v>
                </c:pt>
                <c:pt idx="1474">
                  <c:v>1474</c:v>
                </c:pt>
                <c:pt idx="1475">
                  <c:v>1475</c:v>
                </c:pt>
                <c:pt idx="1476">
                  <c:v>1476</c:v>
                </c:pt>
                <c:pt idx="1477">
                  <c:v>1477</c:v>
                </c:pt>
                <c:pt idx="1478">
                  <c:v>1478</c:v>
                </c:pt>
                <c:pt idx="1479">
                  <c:v>1479</c:v>
                </c:pt>
                <c:pt idx="1480">
                  <c:v>1480</c:v>
                </c:pt>
                <c:pt idx="1481">
                  <c:v>1481</c:v>
                </c:pt>
                <c:pt idx="1482">
                  <c:v>1482</c:v>
                </c:pt>
                <c:pt idx="1483">
                  <c:v>1483</c:v>
                </c:pt>
                <c:pt idx="1484">
                  <c:v>1484</c:v>
                </c:pt>
                <c:pt idx="1485">
                  <c:v>1485</c:v>
                </c:pt>
                <c:pt idx="1486">
                  <c:v>1486</c:v>
                </c:pt>
                <c:pt idx="1487">
                  <c:v>1487</c:v>
                </c:pt>
                <c:pt idx="1488">
                  <c:v>1488</c:v>
                </c:pt>
                <c:pt idx="1489">
                  <c:v>1489</c:v>
                </c:pt>
                <c:pt idx="1490">
                  <c:v>1490</c:v>
                </c:pt>
                <c:pt idx="1491">
                  <c:v>1491</c:v>
                </c:pt>
                <c:pt idx="1492">
                  <c:v>1492</c:v>
                </c:pt>
                <c:pt idx="1493">
                  <c:v>1493</c:v>
                </c:pt>
                <c:pt idx="1494">
                  <c:v>1494</c:v>
                </c:pt>
                <c:pt idx="1495">
                  <c:v>1495</c:v>
                </c:pt>
                <c:pt idx="1496">
                  <c:v>1496</c:v>
                </c:pt>
                <c:pt idx="1497">
                  <c:v>1497</c:v>
                </c:pt>
                <c:pt idx="1498">
                  <c:v>1498</c:v>
                </c:pt>
                <c:pt idx="1499">
                  <c:v>1499</c:v>
                </c:pt>
                <c:pt idx="1500">
                  <c:v>1500</c:v>
                </c:pt>
                <c:pt idx="1501">
                  <c:v>1501</c:v>
                </c:pt>
                <c:pt idx="1502">
                  <c:v>1502</c:v>
                </c:pt>
                <c:pt idx="1503">
                  <c:v>1503</c:v>
                </c:pt>
                <c:pt idx="1504">
                  <c:v>1504</c:v>
                </c:pt>
                <c:pt idx="1505">
                  <c:v>1505</c:v>
                </c:pt>
                <c:pt idx="1506">
                  <c:v>1506</c:v>
                </c:pt>
                <c:pt idx="1507">
                  <c:v>1507</c:v>
                </c:pt>
                <c:pt idx="1508">
                  <c:v>1508</c:v>
                </c:pt>
                <c:pt idx="1509">
                  <c:v>1509</c:v>
                </c:pt>
                <c:pt idx="1510">
                  <c:v>1510</c:v>
                </c:pt>
                <c:pt idx="1511">
                  <c:v>1511</c:v>
                </c:pt>
                <c:pt idx="1512">
                  <c:v>1512</c:v>
                </c:pt>
                <c:pt idx="1513">
                  <c:v>1513</c:v>
                </c:pt>
                <c:pt idx="1514">
                  <c:v>1514</c:v>
                </c:pt>
                <c:pt idx="1515">
                  <c:v>1515</c:v>
                </c:pt>
                <c:pt idx="1516">
                  <c:v>1516</c:v>
                </c:pt>
                <c:pt idx="1517">
                  <c:v>1517</c:v>
                </c:pt>
                <c:pt idx="1518">
                  <c:v>1518</c:v>
                </c:pt>
                <c:pt idx="1519">
                  <c:v>1519</c:v>
                </c:pt>
                <c:pt idx="1520">
                  <c:v>1520</c:v>
                </c:pt>
                <c:pt idx="1521">
                  <c:v>1521</c:v>
                </c:pt>
                <c:pt idx="1522">
                  <c:v>1522</c:v>
                </c:pt>
                <c:pt idx="1523">
                  <c:v>1523</c:v>
                </c:pt>
                <c:pt idx="1524">
                  <c:v>1524</c:v>
                </c:pt>
                <c:pt idx="1525">
                  <c:v>1525</c:v>
                </c:pt>
                <c:pt idx="1526">
                  <c:v>1526</c:v>
                </c:pt>
                <c:pt idx="1527">
                  <c:v>1527</c:v>
                </c:pt>
                <c:pt idx="1528">
                  <c:v>1528</c:v>
                </c:pt>
                <c:pt idx="1529">
                  <c:v>1529</c:v>
                </c:pt>
                <c:pt idx="1530">
                  <c:v>1530</c:v>
                </c:pt>
                <c:pt idx="1531">
                  <c:v>1531</c:v>
                </c:pt>
                <c:pt idx="1532">
                  <c:v>1532</c:v>
                </c:pt>
                <c:pt idx="1533">
                  <c:v>1533</c:v>
                </c:pt>
                <c:pt idx="1534">
                  <c:v>1534</c:v>
                </c:pt>
                <c:pt idx="1535">
                  <c:v>1535</c:v>
                </c:pt>
                <c:pt idx="1536">
                  <c:v>1536</c:v>
                </c:pt>
                <c:pt idx="1537">
                  <c:v>1537</c:v>
                </c:pt>
                <c:pt idx="1538">
                  <c:v>1538</c:v>
                </c:pt>
                <c:pt idx="1539">
                  <c:v>1539</c:v>
                </c:pt>
                <c:pt idx="1540">
                  <c:v>1540</c:v>
                </c:pt>
                <c:pt idx="1541">
                  <c:v>1541</c:v>
                </c:pt>
                <c:pt idx="1542">
                  <c:v>1542</c:v>
                </c:pt>
                <c:pt idx="1543">
                  <c:v>1543</c:v>
                </c:pt>
                <c:pt idx="1544">
                  <c:v>1544</c:v>
                </c:pt>
                <c:pt idx="1545">
                  <c:v>1545</c:v>
                </c:pt>
                <c:pt idx="1546">
                  <c:v>1546</c:v>
                </c:pt>
                <c:pt idx="1547">
                  <c:v>1547</c:v>
                </c:pt>
                <c:pt idx="1548">
                  <c:v>1548</c:v>
                </c:pt>
                <c:pt idx="1549">
                  <c:v>1549</c:v>
                </c:pt>
                <c:pt idx="1550">
                  <c:v>1550</c:v>
                </c:pt>
                <c:pt idx="1551">
                  <c:v>1551</c:v>
                </c:pt>
                <c:pt idx="1552">
                  <c:v>1552</c:v>
                </c:pt>
                <c:pt idx="1553">
                  <c:v>1553</c:v>
                </c:pt>
                <c:pt idx="1554">
                  <c:v>1554</c:v>
                </c:pt>
                <c:pt idx="1555">
                  <c:v>1555</c:v>
                </c:pt>
                <c:pt idx="1556">
                  <c:v>1556</c:v>
                </c:pt>
                <c:pt idx="1557">
                  <c:v>1557</c:v>
                </c:pt>
                <c:pt idx="1558">
                  <c:v>1558</c:v>
                </c:pt>
                <c:pt idx="1559">
                  <c:v>1559</c:v>
                </c:pt>
                <c:pt idx="1560">
                  <c:v>1560</c:v>
                </c:pt>
                <c:pt idx="1561">
                  <c:v>1561</c:v>
                </c:pt>
                <c:pt idx="1562">
                  <c:v>1562</c:v>
                </c:pt>
                <c:pt idx="1563">
                  <c:v>1563</c:v>
                </c:pt>
                <c:pt idx="1564">
                  <c:v>1564</c:v>
                </c:pt>
                <c:pt idx="1565">
                  <c:v>1565</c:v>
                </c:pt>
                <c:pt idx="1566">
                  <c:v>1566</c:v>
                </c:pt>
                <c:pt idx="1567">
                  <c:v>1567</c:v>
                </c:pt>
                <c:pt idx="1568">
                  <c:v>1568</c:v>
                </c:pt>
                <c:pt idx="1569">
                  <c:v>1569</c:v>
                </c:pt>
                <c:pt idx="1570">
                  <c:v>1570</c:v>
                </c:pt>
                <c:pt idx="1571">
                  <c:v>1571</c:v>
                </c:pt>
                <c:pt idx="1572">
                  <c:v>1572</c:v>
                </c:pt>
                <c:pt idx="1573">
                  <c:v>1573</c:v>
                </c:pt>
                <c:pt idx="1574">
                  <c:v>1574</c:v>
                </c:pt>
                <c:pt idx="1575">
                  <c:v>1575</c:v>
                </c:pt>
                <c:pt idx="1576">
                  <c:v>1576</c:v>
                </c:pt>
                <c:pt idx="1577">
                  <c:v>1577</c:v>
                </c:pt>
                <c:pt idx="1578">
                  <c:v>1578</c:v>
                </c:pt>
                <c:pt idx="1579">
                  <c:v>1579</c:v>
                </c:pt>
                <c:pt idx="1580">
                  <c:v>1580</c:v>
                </c:pt>
                <c:pt idx="1581">
                  <c:v>1581</c:v>
                </c:pt>
                <c:pt idx="1582">
                  <c:v>1582</c:v>
                </c:pt>
                <c:pt idx="1583">
                  <c:v>1583</c:v>
                </c:pt>
                <c:pt idx="1584">
                  <c:v>1584</c:v>
                </c:pt>
                <c:pt idx="1585">
                  <c:v>1585</c:v>
                </c:pt>
                <c:pt idx="1586">
                  <c:v>1586</c:v>
                </c:pt>
                <c:pt idx="1587">
                  <c:v>1587</c:v>
                </c:pt>
                <c:pt idx="1588">
                  <c:v>1588</c:v>
                </c:pt>
                <c:pt idx="1589">
                  <c:v>1589</c:v>
                </c:pt>
                <c:pt idx="1590">
                  <c:v>1590</c:v>
                </c:pt>
                <c:pt idx="1591">
                  <c:v>1591</c:v>
                </c:pt>
                <c:pt idx="1592">
                  <c:v>1592</c:v>
                </c:pt>
                <c:pt idx="1593">
                  <c:v>1593</c:v>
                </c:pt>
                <c:pt idx="1594">
                  <c:v>1594</c:v>
                </c:pt>
                <c:pt idx="1595">
                  <c:v>1595</c:v>
                </c:pt>
                <c:pt idx="1596">
                  <c:v>1596</c:v>
                </c:pt>
                <c:pt idx="1597">
                  <c:v>1597</c:v>
                </c:pt>
                <c:pt idx="1598">
                  <c:v>1598</c:v>
                </c:pt>
                <c:pt idx="1599">
                  <c:v>1599</c:v>
                </c:pt>
                <c:pt idx="1600">
                  <c:v>1600</c:v>
                </c:pt>
                <c:pt idx="1601">
                  <c:v>1601</c:v>
                </c:pt>
                <c:pt idx="1602">
                  <c:v>1602</c:v>
                </c:pt>
                <c:pt idx="1603">
                  <c:v>1603</c:v>
                </c:pt>
                <c:pt idx="1604">
                  <c:v>1604</c:v>
                </c:pt>
                <c:pt idx="1605">
                  <c:v>1605</c:v>
                </c:pt>
                <c:pt idx="1606">
                  <c:v>1606</c:v>
                </c:pt>
                <c:pt idx="1607">
                  <c:v>1607</c:v>
                </c:pt>
                <c:pt idx="1608">
                  <c:v>1608</c:v>
                </c:pt>
                <c:pt idx="1609">
                  <c:v>1609</c:v>
                </c:pt>
                <c:pt idx="1610">
                  <c:v>1610</c:v>
                </c:pt>
                <c:pt idx="1611">
                  <c:v>1611</c:v>
                </c:pt>
                <c:pt idx="1612">
                  <c:v>1612</c:v>
                </c:pt>
                <c:pt idx="1613">
                  <c:v>1613</c:v>
                </c:pt>
                <c:pt idx="1614">
                  <c:v>1614</c:v>
                </c:pt>
                <c:pt idx="1615">
                  <c:v>1615</c:v>
                </c:pt>
                <c:pt idx="1616">
                  <c:v>1616</c:v>
                </c:pt>
                <c:pt idx="1617">
                  <c:v>1617</c:v>
                </c:pt>
                <c:pt idx="1618">
                  <c:v>1618</c:v>
                </c:pt>
                <c:pt idx="1619">
                  <c:v>1619</c:v>
                </c:pt>
                <c:pt idx="1620">
                  <c:v>1620</c:v>
                </c:pt>
                <c:pt idx="1621">
                  <c:v>1621</c:v>
                </c:pt>
                <c:pt idx="1622">
                  <c:v>1622</c:v>
                </c:pt>
                <c:pt idx="1623">
                  <c:v>1623</c:v>
                </c:pt>
                <c:pt idx="1624">
                  <c:v>1624</c:v>
                </c:pt>
                <c:pt idx="1625">
                  <c:v>1625</c:v>
                </c:pt>
                <c:pt idx="1626">
                  <c:v>1626</c:v>
                </c:pt>
                <c:pt idx="1627">
                  <c:v>1627</c:v>
                </c:pt>
                <c:pt idx="1628">
                  <c:v>1628</c:v>
                </c:pt>
                <c:pt idx="1629">
                  <c:v>1629</c:v>
                </c:pt>
                <c:pt idx="1630">
                  <c:v>1630</c:v>
                </c:pt>
                <c:pt idx="1631">
                  <c:v>1631</c:v>
                </c:pt>
                <c:pt idx="1632">
                  <c:v>1632</c:v>
                </c:pt>
                <c:pt idx="1633">
                  <c:v>1633</c:v>
                </c:pt>
                <c:pt idx="1634">
                  <c:v>1634</c:v>
                </c:pt>
                <c:pt idx="1635">
                  <c:v>1635</c:v>
                </c:pt>
                <c:pt idx="1636">
                  <c:v>1636</c:v>
                </c:pt>
                <c:pt idx="1637">
                  <c:v>1637</c:v>
                </c:pt>
                <c:pt idx="1638">
                  <c:v>1638</c:v>
                </c:pt>
                <c:pt idx="1639">
                  <c:v>1639</c:v>
                </c:pt>
                <c:pt idx="1640">
                  <c:v>1640</c:v>
                </c:pt>
                <c:pt idx="1641">
                  <c:v>1641</c:v>
                </c:pt>
                <c:pt idx="1642">
                  <c:v>1642</c:v>
                </c:pt>
                <c:pt idx="1643">
                  <c:v>1643</c:v>
                </c:pt>
                <c:pt idx="1644">
                  <c:v>1644</c:v>
                </c:pt>
                <c:pt idx="1645">
                  <c:v>1645</c:v>
                </c:pt>
                <c:pt idx="1646">
                  <c:v>1646</c:v>
                </c:pt>
                <c:pt idx="1647">
                  <c:v>1647</c:v>
                </c:pt>
                <c:pt idx="1648">
                  <c:v>1648</c:v>
                </c:pt>
                <c:pt idx="1649">
                  <c:v>1649</c:v>
                </c:pt>
                <c:pt idx="1650">
                  <c:v>1650</c:v>
                </c:pt>
                <c:pt idx="1651">
                  <c:v>1651</c:v>
                </c:pt>
                <c:pt idx="1652">
                  <c:v>1652</c:v>
                </c:pt>
                <c:pt idx="1653">
                  <c:v>1653</c:v>
                </c:pt>
                <c:pt idx="1654">
                  <c:v>1654</c:v>
                </c:pt>
                <c:pt idx="1655">
                  <c:v>1655</c:v>
                </c:pt>
                <c:pt idx="1656">
                  <c:v>1656</c:v>
                </c:pt>
                <c:pt idx="1657">
                  <c:v>1657</c:v>
                </c:pt>
                <c:pt idx="1658">
                  <c:v>1658</c:v>
                </c:pt>
                <c:pt idx="1659">
                  <c:v>1659</c:v>
                </c:pt>
                <c:pt idx="1660">
                  <c:v>1660</c:v>
                </c:pt>
                <c:pt idx="1661">
                  <c:v>1661</c:v>
                </c:pt>
                <c:pt idx="1662">
                  <c:v>1662</c:v>
                </c:pt>
                <c:pt idx="1663">
                  <c:v>1663</c:v>
                </c:pt>
                <c:pt idx="1664">
                  <c:v>1664</c:v>
                </c:pt>
                <c:pt idx="1665">
                  <c:v>1665</c:v>
                </c:pt>
                <c:pt idx="1666">
                  <c:v>1666</c:v>
                </c:pt>
                <c:pt idx="1667">
                  <c:v>1667</c:v>
                </c:pt>
                <c:pt idx="1668">
                  <c:v>1668</c:v>
                </c:pt>
                <c:pt idx="1669">
                  <c:v>1669</c:v>
                </c:pt>
                <c:pt idx="1670">
                  <c:v>1670</c:v>
                </c:pt>
                <c:pt idx="1671">
                  <c:v>1671</c:v>
                </c:pt>
                <c:pt idx="1672">
                  <c:v>1672</c:v>
                </c:pt>
                <c:pt idx="1673">
                  <c:v>1673</c:v>
                </c:pt>
                <c:pt idx="1674">
                  <c:v>1674</c:v>
                </c:pt>
                <c:pt idx="1675">
                  <c:v>1675</c:v>
                </c:pt>
                <c:pt idx="1676">
                  <c:v>1676</c:v>
                </c:pt>
                <c:pt idx="1677">
                  <c:v>1677</c:v>
                </c:pt>
                <c:pt idx="1678">
                  <c:v>1678</c:v>
                </c:pt>
                <c:pt idx="1679">
                  <c:v>1679</c:v>
                </c:pt>
                <c:pt idx="1680">
                  <c:v>1680</c:v>
                </c:pt>
                <c:pt idx="1681">
                  <c:v>1681</c:v>
                </c:pt>
                <c:pt idx="1682">
                  <c:v>1682</c:v>
                </c:pt>
                <c:pt idx="1683">
                  <c:v>1683</c:v>
                </c:pt>
                <c:pt idx="1684">
                  <c:v>1684</c:v>
                </c:pt>
                <c:pt idx="1685">
                  <c:v>1685</c:v>
                </c:pt>
                <c:pt idx="1686">
                  <c:v>1686</c:v>
                </c:pt>
                <c:pt idx="1687">
                  <c:v>1687</c:v>
                </c:pt>
                <c:pt idx="1688">
                  <c:v>1688</c:v>
                </c:pt>
                <c:pt idx="1689">
                  <c:v>1689</c:v>
                </c:pt>
                <c:pt idx="1690">
                  <c:v>1690</c:v>
                </c:pt>
                <c:pt idx="1691">
                  <c:v>1691</c:v>
                </c:pt>
                <c:pt idx="1692">
                  <c:v>1692</c:v>
                </c:pt>
                <c:pt idx="1693">
                  <c:v>1693</c:v>
                </c:pt>
                <c:pt idx="1694">
                  <c:v>1694</c:v>
                </c:pt>
                <c:pt idx="1695">
                  <c:v>1695</c:v>
                </c:pt>
                <c:pt idx="1696">
                  <c:v>1696</c:v>
                </c:pt>
                <c:pt idx="1697">
                  <c:v>1697</c:v>
                </c:pt>
                <c:pt idx="1698">
                  <c:v>1698</c:v>
                </c:pt>
                <c:pt idx="1699">
                  <c:v>1699</c:v>
                </c:pt>
                <c:pt idx="1700">
                  <c:v>1700</c:v>
                </c:pt>
                <c:pt idx="1701">
                  <c:v>1701</c:v>
                </c:pt>
                <c:pt idx="1702">
                  <c:v>1702</c:v>
                </c:pt>
                <c:pt idx="1703">
                  <c:v>1703</c:v>
                </c:pt>
                <c:pt idx="1704">
                  <c:v>1704</c:v>
                </c:pt>
                <c:pt idx="1705">
                  <c:v>1705</c:v>
                </c:pt>
                <c:pt idx="1706">
                  <c:v>1706</c:v>
                </c:pt>
                <c:pt idx="1707">
                  <c:v>1707</c:v>
                </c:pt>
                <c:pt idx="1708">
                  <c:v>1708</c:v>
                </c:pt>
                <c:pt idx="1709">
                  <c:v>1709</c:v>
                </c:pt>
                <c:pt idx="1710">
                  <c:v>1710</c:v>
                </c:pt>
                <c:pt idx="1711">
                  <c:v>1711</c:v>
                </c:pt>
                <c:pt idx="1712">
                  <c:v>1712</c:v>
                </c:pt>
                <c:pt idx="1713">
                  <c:v>1713</c:v>
                </c:pt>
                <c:pt idx="1714">
                  <c:v>1714</c:v>
                </c:pt>
                <c:pt idx="1715">
                  <c:v>1715</c:v>
                </c:pt>
                <c:pt idx="1716">
                  <c:v>1716</c:v>
                </c:pt>
                <c:pt idx="1717">
                  <c:v>1717</c:v>
                </c:pt>
                <c:pt idx="1718">
                  <c:v>1718</c:v>
                </c:pt>
                <c:pt idx="1719">
                  <c:v>1719</c:v>
                </c:pt>
                <c:pt idx="1720">
                  <c:v>1720</c:v>
                </c:pt>
                <c:pt idx="1721">
                  <c:v>1721</c:v>
                </c:pt>
                <c:pt idx="1722">
                  <c:v>1722</c:v>
                </c:pt>
                <c:pt idx="1723">
                  <c:v>1723</c:v>
                </c:pt>
                <c:pt idx="1724">
                  <c:v>1724</c:v>
                </c:pt>
                <c:pt idx="1725">
                  <c:v>1725</c:v>
                </c:pt>
                <c:pt idx="1726">
                  <c:v>1726</c:v>
                </c:pt>
                <c:pt idx="1727">
                  <c:v>1727</c:v>
                </c:pt>
                <c:pt idx="1728">
                  <c:v>1728</c:v>
                </c:pt>
                <c:pt idx="1729">
                  <c:v>1729</c:v>
                </c:pt>
                <c:pt idx="1730">
                  <c:v>1730</c:v>
                </c:pt>
                <c:pt idx="1731">
                  <c:v>1731</c:v>
                </c:pt>
                <c:pt idx="1732">
                  <c:v>1732</c:v>
                </c:pt>
                <c:pt idx="1733">
                  <c:v>1733</c:v>
                </c:pt>
                <c:pt idx="1734">
                  <c:v>1734</c:v>
                </c:pt>
                <c:pt idx="1735">
                  <c:v>1735</c:v>
                </c:pt>
                <c:pt idx="1736">
                  <c:v>1736</c:v>
                </c:pt>
                <c:pt idx="1737">
                  <c:v>1737</c:v>
                </c:pt>
                <c:pt idx="1738">
                  <c:v>1738</c:v>
                </c:pt>
                <c:pt idx="1739">
                  <c:v>1739</c:v>
                </c:pt>
                <c:pt idx="1740">
                  <c:v>1740</c:v>
                </c:pt>
                <c:pt idx="1741">
                  <c:v>1741</c:v>
                </c:pt>
                <c:pt idx="1742">
                  <c:v>1742</c:v>
                </c:pt>
                <c:pt idx="1743">
                  <c:v>1743</c:v>
                </c:pt>
                <c:pt idx="1744">
                  <c:v>1744</c:v>
                </c:pt>
                <c:pt idx="1745">
                  <c:v>1745</c:v>
                </c:pt>
                <c:pt idx="1746">
                  <c:v>1746</c:v>
                </c:pt>
                <c:pt idx="1747">
                  <c:v>1747</c:v>
                </c:pt>
                <c:pt idx="1748">
                  <c:v>1748</c:v>
                </c:pt>
                <c:pt idx="1749">
                  <c:v>1749</c:v>
                </c:pt>
                <c:pt idx="1750">
                  <c:v>1750</c:v>
                </c:pt>
                <c:pt idx="1751">
                  <c:v>1751</c:v>
                </c:pt>
                <c:pt idx="1752">
                  <c:v>1752</c:v>
                </c:pt>
                <c:pt idx="1753">
                  <c:v>1753</c:v>
                </c:pt>
                <c:pt idx="1754">
                  <c:v>1754</c:v>
                </c:pt>
                <c:pt idx="1755">
                  <c:v>1755</c:v>
                </c:pt>
                <c:pt idx="1756">
                  <c:v>1756</c:v>
                </c:pt>
                <c:pt idx="1757">
                  <c:v>1757</c:v>
                </c:pt>
                <c:pt idx="1758">
                  <c:v>1758</c:v>
                </c:pt>
                <c:pt idx="1759">
                  <c:v>1759</c:v>
                </c:pt>
                <c:pt idx="1760">
                  <c:v>1760</c:v>
                </c:pt>
                <c:pt idx="1761">
                  <c:v>1761</c:v>
                </c:pt>
                <c:pt idx="1762">
                  <c:v>1762</c:v>
                </c:pt>
                <c:pt idx="1763">
                  <c:v>1763</c:v>
                </c:pt>
                <c:pt idx="1764">
                  <c:v>1764</c:v>
                </c:pt>
                <c:pt idx="1765">
                  <c:v>1765</c:v>
                </c:pt>
                <c:pt idx="1766">
                  <c:v>1766</c:v>
                </c:pt>
                <c:pt idx="1767">
                  <c:v>1767</c:v>
                </c:pt>
                <c:pt idx="1768">
                  <c:v>1768</c:v>
                </c:pt>
                <c:pt idx="1769">
                  <c:v>1769</c:v>
                </c:pt>
                <c:pt idx="1770">
                  <c:v>1770</c:v>
                </c:pt>
                <c:pt idx="1771">
                  <c:v>1771</c:v>
                </c:pt>
                <c:pt idx="1772">
                  <c:v>1772</c:v>
                </c:pt>
                <c:pt idx="1773">
                  <c:v>1773</c:v>
                </c:pt>
                <c:pt idx="1774">
                  <c:v>1774</c:v>
                </c:pt>
                <c:pt idx="1775">
                  <c:v>1775</c:v>
                </c:pt>
                <c:pt idx="1776">
                  <c:v>1776</c:v>
                </c:pt>
                <c:pt idx="1777">
                  <c:v>1777</c:v>
                </c:pt>
                <c:pt idx="1778">
                  <c:v>1778</c:v>
                </c:pt>
                <c:pt idx="1779">
                  <c:v>1779</c:v>
                </c:pt>
                <c:pt idx="1780">
                  <c:v>1780</c:v>
                </c:pt>
                <c:pt idx="1781">
                  <c:v>1781</c:v>
                </c:pt>
                <c:pt idx="1782">
                  <c:v>1782</c:v>
                </c:pt>
                <c:pt idx="1783">
                  <c:v>1783</c:v>
                </c:pt>
                <c:pt idx="1784">
                  <c:v>1784</c:v>
                </c:pt>
                <c:pt idx="1785">
                  <c:v>1785</c:v>
                </c:pt>
                <c:pt idx="1786">
                  <c:v>1786</c:v>
                </c:pt>
                <c:pt idx="1787">
                  <c:v>1787</c:v>
                </c:pt>
                <c:pt idx="1788">
                  <c:v>1788</c:v>
                </c:pt>
                <c:pt idx="1789">
                  <c:v>1789</c:v>
                </c:pt>
                <c:pt idx="1790">
                  <c:v>1790</c:v>
                </c:pt>
                <c:pt idx="1791">
                  <c:v>1791</c:v>
                </c:pt>
                <c:pt idx="1792">
                  <c:v>1792</c:v>
                </c:pt>
                <c:pt idx="1793">
                  <c:v>1793</c:v>
                </c:pt>
                <c:pt idx="1794">
                  <c:v>1794</c:v>
                </c:pt>
                <c:pt idx="1795">
                  <c:v>1795</c:v>
                </c:pt>
                <c:pt idx="1796">
                  <c:v>1796</c:v>
                </c:pt>
                <c:pt idx="1797">
                  <c:v>1797</c:v>
                </c:pt>
                <c:pt idx="1798">
                  <c:v>1798</c:v>
                </c:pt>
                <c:pt idx="1799">
                  <c:v>1799</c:v>
                </c:pt>
              </c:numCache>
            </c:numRef>
          </c:xVal>
          <c:yVal>
            <c:numRef>
              <c:f>'30Inside'!$D$2:$D$1801</c:f>
              <c:numCache>
                <c:formatCode>General</c:formatCode>
                <c:ptCount val="1800"/>
                <c:pt idx="0">
                  <c:v>80.900000000000006</c:v>
                </c:pt>
                <c:pt idx="1">
                  <c:v>80.599999999999994</c:v>
                </c:pt>
                <c:pt idx="2">
                  <c:v>80.400000000000006</c:v>
                </c:pt>
                <c:pt idx="3">
                  <c:v>80.099999999999994</c:v>
                </c:pt>
                <c:pt idx="4">
                  <c:v>79.8</c:v>
                </c:pt>
                <c:pt idx="5">
                  <c:v>79.5</c:v>
                </c:pt>
                <c:pt idx="6">
                  <c:v>79.2</c:v>
                </c:pt>
                <c:pt idx="7">
                  <c:v>79</c:v>
                </c:pt>
                <c:pt idx="8">
                  <c:v>78.8</c:v>
                </c:pt>
                <c:pt idx="9">
                  <c:v>78.5</c:v>
                </c:pt>
                <c:pt idx="10">
                  <c:v>78.2</c:v>
                </c:pt>
                <c:pt idx="11">
                  <c:v>77.900000000000006</c:v>
                </c:pt>
                <c:pt idx="12">
                  <c:v>77.5</c:v>
                </c:pt>
                <c:pt idx="13">
                  <c:v>77.2</c:v>
                </c:pt>
                <c:pt idx="14">
                  <c:v>76.8</c:v>
                </c:pt>
                <c:pt idx="15">
                  <c:v>76.5</c:v>
                </c:pt>
                <c:pt idx="16">
                  <c:v>76.099999999999994</c:v>
                </c:pt>
                <c:pt idx="17">
                  <c:v>75.8</c:v>
                </c:pt>
                <c:pt idx="18">
                  <c:v>75.400000000000006</c:v>
                </c:pt>
                <c:pt idx="19">
                  <c:v>75.099999999999994</c:v>
                </c:pt>
                <c:pt idx="20">
                  <c:v>74.7</c:v>
                </c:pt>
                <c:pt idx="21">
                  <c:v>74.3</c:v>
                </c:pt>
                <c:pt idx="22">
                  <c:v>74</c:v>
                </c:pt>
                <c:pt idx="23">
                  <c:v>73.599999999999994</c:v>
                </c:pt>
                <c:pt idx="24">
                  <c:v>73.2</c:v>
                </c:pt>
                <c:pt idx="25">
                  <c:v>72.8</c:v>
                </c:pt>
                <c:pt idx="26">
                  <c:v>72.400000000000006</c:v>
                </c:pt>
                <c:pt idx="27">
                  <c:v>72.099999999999994</c:v>
                </c:pt>
                <c:pt idx="28">
                  <c:v>71.7</c:v>
                </c:pt>
                <c:pt idx="29">
                  <c:v>71.3</c:v>
                </c:pt>
                <c:pt idx="30">
                  <c:v>70.900000000000006</c:v>
                </c:pt>
                <c:pt idx="31">
                  <c:v>70.599999999999994</c:v>
                </c:pt>
                <c:pt idx="32">
                  <c:v>70.2</c:v>
                </c:pt>
                <c:pt idx="33">
                  <c:v>69.8</c:v>
                </c:pt>
                <c:pt idx="34">
                  <c:v>69.5</c:v>
                </c:pt>
                <c:pt idx="35">
                  <c:v>69.099999999999994</c:v>
                </c:pt>
                <c:pt idx="36">
                  <c:v>68.8</c:v>
                </c:pt>
                <c:pt idx="37">
                  <c:v>68.5</c:v>
                </c:pt>
                <c:pt idx="38">
                  <c:v>68.099999999999994</c:v>
                </c:pt>
                <c:pt idx="39">
                  <c:v>67.8</c:v>
                </c:pt>
                <c:pt idx="40">
                  <c:v>67.5</c:v>
                </c:pt>
                <c:pt idx="41">
                  <c:v>67.099999999999994</c:v>
                </c:pt>
                <c:pt idx="42">
                  <c:v>66.8</c:v>
                </c:pt>
                <c:pt idx="43">
                  <c:v>66.400000000000006</c:v>
                </c:pt>
                <c:pt idx="44">
                  <c:v>66.099999999999994</c:v>
                </c:pt>
                <c:pt idx="45">
                  <c:v>65.8</c:v>
                </c:pt>
                <c:pt idx="46">
                  <c:v>65.400000000000006</c:v>
                </c:pt>
                <c:pt idx="47">
                  <c:v>65.099999999999994</c:v>
                </c:pt>
                <c:pt idx="48">
                  <c:v>64.8</c:v>
                </c:pt>
                <c:pt idx="49">
                  <c:v>64.5</c:v>
                </c:pt>
                <c:pt idx="50">
                  <c:v>64.2</c:v>
                </c:pt>
                <c:pt idx="51">
                  <c:v>63.9</c:v>
                </c:pt>
                <c:pt idx="52">
                  <c:v>63.6</c:v>
                </c:pt>
                <c:pt idx="53">
                  <c:v>63.2</c:v>
                </c:pt>
                <c:pt idx="54">
                  <c:v>63</c:v>
                </c:pt>
                <c:pt idx="55">
                  <c:v>62.7</c:v>
                </c:pt>
                <c:pt idx="56">
                  <c:v>62.4</c:v>
                </c:pt>
                <c:pt idx="57">
                  <c:v>62.1</c:v>
                </c:pt>
                <c:pt idx="58">
                  <c:v>61.8</c:v>
                </c:pt>
                <c:pt idx="59">
                  <c:v>61.5</c:v>
                </c:pt>
                <c:pt idx="60">
                  <c:v>61.2</c:v>
                </c:pt>
                <c:pt idx="61">
                  <c:v>60.9</c:v>
                </c:pt>
                <c:pt idx="62">
                  <c:v>60.7</c:v>
                </c:pt>
                <c:pt idx="63">
                  <c:v>60.4</c:v>
                </c:pt>
                <c:pt idx="64">
                  <c:v>60.1</c:v>
                </c:pt>
                <c:pt idx="65">
                  <c:v>59.8</c:v>
                </c:pt>
                <c:pt idx="66">
                  <c:v>59.5</c:v>
                </c:pt>
                <c:pt idx="67">
                  <c:v>59.3</c:v>
                </c:pt>
                <c:pt idx="68">
                  <c:v>59</c:v>
                </c:pt>
                <c:pt idx="69">
                  <c:v>58.8</c:v>
                </c:pt>
                <c:pt idx="70">
                  <c:v>58.5</c:v>
                </c:pt>
                <c:pt idx="71">
                  <c:v>58.2</c:v>
                </c:pt>
                <c:pt idx="72">
                  <c:v>58</c:v>
                </c:pt>
                <c:pt idx="73">
                  <c:v>57.8</c:v>
                </c:pt>
                <c:pt idx="74">
                  <c:v>57.5</c:v>
                </c:pt>
                <c:pt idx="75">
                  <c:v>57.3</c:v>
                </c:pt>
                <c:pt idx="76">
                  <c:v>57</c:v>
                </c:pt>
                <c:pt idx="77">
                  <c:v>56.8</c:v>
                </c:pt>
                <c:pt idx="78">
                  <c:v>56.5</c:v>
                </c:pt>
                <c:pt idx="79">
                  <c:v>56.3</c:v>
                </c:pt>
                <c:pt idx="80">
                  <c:v>56.1</c:v>
                </c:pt>
                <c:pt idx="81">
                  <c:v>55.9</c:v>
                </c:pt>
                <c:pt idx="82">
                  <c:v>55.6</c:v>
                </c:pt>
                <c:pt idx="83">
                  <c:v>55.4</c:v>
                </c:pt>
                <c:pt idx="84">
                  <c:v>55.2</c:v>
                </c:pt>
                <c:pt idx="85">
                  <c:v>55</c:v>
                </c:pt>
                <c:pt idx="86">
                  <c:v>54.8</c:v>
                </c:pt>
                <c:pt idx="87">
                  <c:v>54.6</c:v>
                </c:pt>
                <c:pt idx="88">
                  <c:v>54.4</c:v>
                </c:pt>
                <c:pt idx="89">
                  <c:v>54.2</c:v>
                </c:pt>
                <c:pt idx="90">
                  <c:v>54</c:v>
                </c:pt>
                <c:pt idx="91">
                  <c:v>53.8</c:v>
                </c:pt>
                <c:pt idx="92">
                  <c:v>53.6</c:v>
                </c:pt>
                <c:pt idx="93">
                  <c:v>53.4</c:v>
                </c:pt>
                <c:pt idx="94">
                  <c:v>53.2</c:v>
                </c:pt>
                <c:pt idx="95">
                  <c:v>53.1</c:v>
                </c:pt>
                <c:pt idx="96">
                  <c:v>52.9</c:v>
                </c:pt>
                <c:pt idx="97">
                  <c:v>52.7</c:v>
                </c:pt>
                <c:pt idx="98">
                  <c:v>52.5</c:v>
                </c:pt>
                <c:pt idx="99">
                  <c:v>52.3</c:v>
                </c:pt>
                <c:pt idx="100">
                  <c:v>52.1</c:v>
                </c:pt>
                <c:pt idx="101">
                  <c:v>52</c:v>
                </c:pt>
                <c:pt idx="102">
                  <c:v>51.8</c:v>
                </c:pt>
                <c:pt idx="103">
                  <c:v>51.7</c:v>
                </c:pt>
                <c:pt idx="104">
                  <c:v>51.5</c:v>
                </c:pt>
                <c:pt idx="105">
                  <c:v>51.3</c:v>
                </c:pt>
                <c:pt idx="106">
                  <c:v>51.2</c:v>
                </c:pt>
                <c:pt idx="107">
                  <c:v>51</c:v>
                </c:pt>
                <c:pt idx="108">
                  <c:v>50.8</c:v>
                </c:pt>
                <c:pt idx="109">
                  <c:v>50.7</c:v>
                </c:pt>
                <c:pt idx="110">
                  <c:v>50.5</c:v>
                </c:pt>
                <c:pt idx="111">
                  <c:v>50.3</c:v>
                </c:pt>
                <c:pt idx="112">
                  <c:v>50.2</c:v>
                </c:pt>
                <c:pt idx="113">
                  <c:v>50</c:v>
                </c:pt>
                <c:pt idx="114">
                  <c:v>49.8</c:v>
                </c:pt>
                <c:pt idx="115">
                  <c:v>49.7</c:v>
                </c:pt>
                <c:pt idx="116">
                  <c:v>49.5</c:v>
                </c:pt>
                <c:pt idx="117">
                  <c:v>49.4</c:v>
                </c:pt>
                <c:pt idx="118">
                  <c:v>49.2</c:v>
                </c:pt>
                <c:pt idx="119">
                  <c:v>49.1</c:v>
                </c:pt>
                <c:pt idx="120">
                  <c:v>48.9</c:v>
                </c:pt>
                <c:pt idx="121">
                  <c:v>48.8</c:v>
                </c:pt>
                <c:pt idx="122">
                  <c:v>48.7</c:v>
                </c:pt>
                <c:pt idx="123">
                  <c:v>48.5</c:v>
                </c:pt>
                <c:pt idx="124">
                  <c:v>48.4</c:v>
                </c:pt>
                <c:pt idx="125">
                  <c:v>48.3</c:v>
                </c:pt>
                <c:pt idx="126">
                  <c:v>48.1</c:v>
                </c:pt>
                <c:pt idx="127">
                  <c:v>48</c:v>
                </c:pt>
                <c:pt idx="128">
                  <c:v>47.9</c:v>
                </c:pt>
                <c:pt idx="129">
                  <c:v>47.7</c:v>
                </c:pt>
                <c:pt idx="130">
                  <c:v>47.6</c:v>
                </c:pt>
                <c:pt idx="131">
                  <c:v>47.5</c:v>
                </c:pt>
                <c:pt idx="132">
                  <c:v>47.4</c:v>
                </c:pt>
                <c:pt idx="133">
                  <c:v>47.2</c:v>
                </c:pt>
                <c:pt idx="134">
                  <c:v>47.1</c:v>
                </c:pt>
                <c:pt idx="135">
                  <c:v>47</c:v>
                </c:pt>
                <c:pt idx="136">
                  <c:v>46.9</c:v>
                </c:pt>
                <c:pt idx="137">
                  <c:v>46.8</c:v>
                </c:pt>
                <c:pt idx="138">
                  <c:v>46.6</c:v>
                </c:pt>
                <c:pt idx="139">
                  <c:v>46.5</c:v>
                </c:pt>
                <c:pt idx="140">
                  <c:v>46.4</c:v>
                </c:pt>
                <c:pt idx="141">
                  <c:v>46.3</c:v>
                </c:pt>
                <c:pt idx="142">
                  <c:v>46.2</c:v>
                </c:pt>
                <c:pt idx="143">
                  <c:v>46.1</c:v>
                </c:pt>
                <c:pt idx="144">
                  <c:v>45.9</c:v>
                </c:pt>
                <c:pt idx="145">
                  <c:v>45.8</c:v>
                </c:pt>
                <c:pt idx="146">
                  <c:v>45.7</c:v>
                </c:pt>
                <c:pt idx="147">
                  <c:v>45.6</c:v>
                </c:pt>
                <c:pt idx="148">
                  <c:v>45.5</c:v>
                </c:pt>
                <c:pt idx="149">
                  <c:v>45.4</c:v>
                </c:pt>
                <c:pt idx="150">
                  <c:v>45.3</c:v>
                </c:pt>
                <c:pt idx="151">
                  <c:v>45.1</c:v>
                </c:pt>
                <c:pt idx="152">
                  <c:v>45</c:v>
                </c:pt>
                <c:pt idx="153">
                  <c:v>44.9</c:v>
                </c:pt>
                <c:pt idx="154">
                  <c:v>44.8</c:v>
                </c:pt>
                <c:pt idx="155">
                  <c:v>44.7</c:v>
                </c:pt>
                <c:pt idx="156">
                  <c:v>44.6</c:v>
                </c:pt>
                <c:pt idx="157">
                  <c:v>44.5</c:v>
                </c:pt>
                <c:pt idx="158">
                  <c:v>44.4</c:v>
                </c:pt>
                <c:pt idx="159">
                  <c:v>44.3</c:v>
                </c:pt>
                <c:pt idx="160">
                  <c:v>44.2</c:v>
                </c:pt>
                <c:pt idx="161">
                  <c:v>44.1</c:v>
                </c:pt>
                <c:pt idx="162">
                  <c:v>44</c:v>
                </c:pt>
                <c:pt idx="163">
                  <c:v>43.9</c:v>
                </c:pt>
                <c:pt idx="164">
                  <c:v>43.8</c:v>
                </c:pt>
                <c:pt idx="165">
                  <c:v>43.7</c:v>
                </c:pt>
                <c:pt idx="166">
                  <c:v>43.6</c:v>
                </c:pt>
                <c:pt idx="167">
                  <c:v>43.5</c:v>
                </c:pt>
                <c:pt idx="168">
                  <c:v>43.4</c:v>
                </c:pt>
                <c:pt idx="169">
                  <c:v>43.3</c:v>
                </c:pt>
                <c:pt idx="170">
                  <c:v>43.2</c:v>
                </c:pt>
                <c:pt idx="171">
                  <c:v>43.1</c:v>
                </c:pt>
                <c:pt idx="172">
                  <c:v>43</c:v>
                </c:pt>
                <c:pt idx="173">
                  <c:v>42.9</c:v>
                </c:pt>
                <c:pt idx="174">
                  <c:v>42.8</c:v>
                </c:pt>
                <c:pt idx="175">
                  <c:v>42.7</c:v>
                </c:pt>
                <c:pt idx="176">
                  <c:v>42.7</c:v>
                </c:pt>
                <c:pt idx="177">
                  <c:v>42.6</c:v>
                </c:pt>
                <c:pt idx="178">
                  <c:v>42.5</c:v>
                </c:pt>
                <c:pt idx="179">
                  <c:v>42.4</c:v>
                </c:pt>
                <c:pt idx="180">
                  <c:v>42.3</c:v>
                </c:pt>
                <c:pt idx="181">
                  <c:v>42.2</c:v>
                </c:pt>
                <c:pt idx="182">
                  <c:v>42.1</c:v>
                </c:pt>
                <c:pt idx="183">
                  <c:v>42</c:v>
                </c:pt>
                <c:pt idx="184">
                  <c:v>41.9</c:v>
                </c:pt>
                <c:pt idx="185">
                  <c:v>41.8</c:v>
                </c:pt>
                <c:pt idx="186">
                  <c:v>41.7</c:v>
                </c:pt>
                <c:pt idx="187">
                  <c:v>41.7</c:v>
                </c:pt>
                <c:pt idx="188">
                  <c:v>41.6</c:v>
                </c:pt>
                <c:pt idx="189">
                  <c:v>41.5</c:v>
                </c:pt>
                <c:pt idx="190">
                  <c:v>41.4</c:v>
                </c:pt>
                <c:pt idx="191">
                  <c:v>41.3</c:v>
                </c:pt>
                <c:pt idx="192">
                  <c:v>41.2</c:v>
                </c:pt>
                <c:pt idx="193">
                  <c:v>41.1</c:v>
                </c:pt>
                <c:pt idx="194">
                  <c:v>41</c:v>
                </c:pt>
                <c:pt idx="195">
                  <c:v>41</c:v>
                </c:pt>
                <c:pt idx="196">
                  <c:v>40.9</c:v>
                </c:pt>
                <c:pt idx="197">
                  <c:v>40.799999999999997</c:v>
                </c:pt>
                <c:pt idx="198">
                  <c:v>40.700000000000003</c:v>
                </c:pt>
                <c:pt idx="199">
                  <c:v>40.700000000000003</c:v>
                </c:pt>
                <c:pt idx="200">
                  <c:v>40.6</c:v>
                </c:pt>
                <c:pt idx="201">
                  <c:v>40.5</c:v>
                </c:pt>
                <c:pt idx="202">
                  <c:v>40.4</c:v>
                </c:pt>
                <c:pt idx="203">
                  <c:v>40.4</c:v>
                </c:pt>
                <c:pt idx="204">
                  <c:v>40.299999999999997</c:v>
                </c:pt>
                <c:pt idx="205">
                  <c:v>40.200000000000003</c:v>
                </c:pt>
                <c:pt idx="206">
                  <c:v>40.200000000000003</c:v>
                </c:pt>
                <c:pt idx="207">
                  <c:v>40.1</c:v>
                </c:pt>
                <c:pt idx="208">
                  <c:v>40</c:v>
                </c:pt>
                <c:pt idx="209">
                  <c:v>40</c:v>
                </c:pt>
                <c:pt idx="210">
                  <c:v>39.9</c:v>
                </c:pt>
                <c:pt idx="211">
                  <c:v>39.799999999999997</c:v>
                </c:pt>
                <c:pt idx="212">
                  <c:v>39.799999999999997</c:v>
                </c:pt>
                <c:pt idx="213">
                  <c:v>39.700000000000003</c:v>
                </c:pt>
                <c:pt idx="214">
                  <c:v>39.700000000000003</c:v>
                </c:pt>
                <c:pt idx="215">
                  <c:v>39.6</c:v>
                </c:pt>
                <c:pt idx="216">
                  <c:v>39.5</c:v>
                </c:pt>
                <c:pt idx="217">
                  <c:v>39.5</c:v>
                </c:pt>
                <c:pt idx="218">
                  <c:v>39.4</c:v>
                </c:pt>
                <c:pt idx="219">
                  <c:v>39.4</c:v>
                </c:pt>
                <c:pt idx="220">
                  <c:v>39.299999999999997</c:v>
                </c:pt>
                <c:pt idx="221">
                  <c:v>39.200000000000003</c:v>
                </c:pt>
                <c:pt idx="222">
                  <c:v>39.200000000000003</c:v>
                </c:pt>
                <c:pt idx="223">
                  <c:v>39.1</c:v>
                </c:pt>
                <c:pt idx="224">
                  <c:v>39</c:v>
                </c:pt>
                <c:pt idx="225">
                  <c:v>39</c:v>
                </c:pt>
                <c:pt idx="226">
                  <c:v>38.9</c:v>
                </c:pt>
                <c:pt idx="227">
                  <c:v>38.799999999999997</c:v>
                </c:pt>
                <c:pt idx="228">
                  <c:v>38.799999999999997</c:v>
                </c:pt>
                <c:pt idx="229">
                  <c:v>38.700000000000003</c:v>
                </c:pt>
                <c:pt idx="230">
                  <c:v>38.6</c:v>
                </c:pt>
                <c:pt idx="231">
                  <c:v>38.6</c:v>
                </c:pt>
                <c:pt idx="232">
                  <c:v>38.5</c:v>
                </c:pt>
                <c:pt idx="233">
                  <c:v>38.5</c:v>
                </c:pt>
                <c:pt idx="234">
                  <c:v>38.4</c:v>
                </c:pt>
                <c:pt idx="235">
                  <c:v>38.4</c:v>
                </c:pt>
                <c:pt idx="236">
                  <c:v>38.299999999999997</c:v>
                </c:pt>
                <c:pt idx="237">
                  <c:v>38.299999999999997</c:v>
                </c:pt>
                <c:pt idx="238">
                  <c:v>38.200000000000003</c:v>
                </c:pt>
                <c:pt idx="239">
                  <c:v>38.1</c:v>
                </c:pt>
                <c:pt idx="240">
                  <c:v>38.1</c:v>
                </c:pt>
                <c:pt idx="241">
                  <c:v>38</c:v>
                </c:pt>
                <c:pt idx="242">
                  <c:v>38</c:v>
                </c:pt>
                <c:pt idx="243">
                  <c:v>37.9</c:v>
                </c:pt>
                <c:pt idx="244">
                  <c:v>37.799999999999997</c:v>
                </c:pt>
                <c:pt idx="245">
                  <c:v>37.799999999999997</c:v>
                </c:pt>
                <c:pt idx="246">
                  <c:v>37.799999999999997</c:v>
                </c:pt>
                <c:pt idx="247">
                  <c:v>37.700000000000003</c:v>
                </c:pt>
                <c:pt idx="248">
                  <c:v>37.700000000000003</c:v>
                </c:pt>
                <c:pt idx="249">
                  <c:v>37.6</c:v>
                </c:pt>
                <c:pt idx="250">
                  <c:v>37.6</c:v>
                </c:pt>
                <c:pt idx="251">
                  <c:v>37.5</c:v>
                </c:pt>
                <c:pt idx="252">
                  <c:v>37.5</c:v>
                </c:pt>
                <c:pt idx="253">
                  <c:v>37.4</c:v>
                </c:pt>
                <c:pt idx="254">
                  <c:v>37.4</c:v>
                </c:pt>
                <c:pt idx="255">
                  <c:v>37.299999999999997</c:v>
                </c:pt>
                <c:pt idx="256">
                  <c:v>37.299999999999997</c:v>
                </c:pt>
                <c:pt idx="257">
                  <c:v>37.200000000000003</c:v>
                </c:pt>
                <c:pt idx="258">
                  <c:v>37.200000000000003</c:v>
                </c:pt>
                <c:pt idx="259">
                  <c:v>37.1</c:v>
                </c:pt>
                <c:pt idx="260">
                  <c:v>37.1</c:v>
                </c:pt>
                <c:pt idx="261">
                  <c:v>37</c:v>
                </c:pt>
                <c:pt idx="262">
                  <c:v>37</c:v>
                </c:pt>
                <c:pt idx="263">
                  <c:v>36.9</c:v>
                </c:pt>
                <c:pt idx="264">
                  <c:v>36.9</c:v>
                </c:pt>
                <c:pt idx="265">
                  <c:v>36.799999999999997</c:v>
                </c:pt>
                <c:pt idx="266">
                  <c:v>36.799999999999997</c:v>
                </c:pt>
                <c:pt idx="267">
                  <c:v>36.799999999999997</c:v>
                </c:pt>
                <c:pt idx="268">
                  <c:v>36.700000000000003</c:v>
                </c:pt>
                <c:pt idx="269">
                  <c:v>36.700000000000003</c:v>
                </c:pt>
                <c:pt idx="270">
                  <c:v>36.700000000000003</c:v>
                </c:pt>
                <c:pt idx="271">
                  <c:v>36.6</c:v>
                </c:pt>
                <c:pt idx="272">
                  <c:v>36.6</c:v>
                </c:pt>
                <c:pt idx="273">
                  <c:v>36.6</c:v>
                </c:pt>
                <c:pt idx="274">
                  <c:v>36.5</c:v>
                </c:pt>
                <c:pt idx="275">
                  <c:v>36.5</c:v>
                </c:pt>
                <c:pt idx="276">
                  <c:v>36.5</c:v>
                </c:pt>
                <c:pt idx="277">
                  <c:v>36.4</c:v>
                </c:pt>
                <c:pt idx="278">
                  <c:v>36.4</c:v>
                </c:pt>
                <c:pt idx="279">
                  <c:v>36.4</c:v>
                </c:pt>
                <c:pt idx="280">
                  <c:v>36.299999999999997</c:v>
                </c:pt>
                <c:pt idx="281">
                  <c:v>36.299999999999997</c:v>
                </c:pt>
                <c:pt idx="282">
                  <c:v>36.200000000000003</c:v>
                </c:pt>
                <c:pt idx="283">
                  <c:v>36.200000000000003</c:v>
                </c:pt>
                <c:pt idx="284">
                  <c:v>36.200000000000003</c:v>
                </c:pt>
                <c:pt idx="285">
                  <c:v>36.1</c:v>
                </c:pt>
                <c:pt idx="286">
                  <c:v>36.1</c:v>
                </c:pt>
                <c:pt idx="287">
                  <c:v>36.1</c:v>
                </c:pt>
                <c:pt idx="288">
                  <c:v>36</c:v>
                </c:pt>
                <c:pt idx="289">
                  <c:v>36</c:v>
                </c:pt>
                <c:pt idx="290">
                  <c:v>35.9</c:v>
                </c:pt>
                <c:pt idx="291">
                  <c:v>35.9</c:v>
                </c:pt>
                <c:pt idx="292">
                  <c:v>35.799999999999997</c:v>
                </c:pt>
                <c:pt idx="293">
                  <c:v>35.799999999999997</c:v>
                </c:pt>
                <c:pt idx="294">
                  <c:v>35.799999999999997</c:v>
                </c:pt>
                <c:pt idx="295">
                  <c:v>35.700000000000003</c:v>
                </c:pt>
                <c:pt idx="296">
                  <c:v>35.700000000000003</c:v>
                </c:pt>
                <c:pt idx="297">
                  <c:v>35.6</c:v>
                </c:pt>
                <c:pt idx="298">
                  <c:v>35.6</c:v>
                </c:pt>
                <c:pt idx="299">
                  <c:v>35.5</c:v>
                </c:pt>
                <c:pt idx="300">
                  <c:v>35.5</c:v>
                </c:pt>
                <c:pt idx="301">
                  <c:v>35.4</c:v>
                </c:pt>
                <c:pt idx="302">
                  <c:v>35.4</c:v>
                </c:pt>
                <c:pt idx="303">
                  <c:v>35.299999999999997</c:v>
                </c:pt>
                <c:pt idx="304">
                  <c:v>35.299999999999997</c:v>
                </c:pt>
                <c:pt idx="305">
                  <c:v>35.200000000000003</c:v>
                </c:pt>
                <c:pt idx="306">
                  <c:v>35.200000000000003</c:v>
                </c:pt>
                <c:pt idx="307">
                  <c:v>35.1</c:v>
                </c:pt>
                <c:pt idx="308">
                  <c:v>35.1</c:v>
                </c:pt>
                <c:pt idx="309">
                  <c:v>35.1</c:v>
                </c:pt>
                <c:pt idx="310">
                  <c:v>35</c:v>
                </c:pt>
                <c:pt idx="311">
                  <c:v>35</c:v>
                </c:pt>
                <c:pt idx="312">
                  <c:v>34.9</c:v>
                </c:pt>
                <c:pt idx="313">
                  <c:v>34.9</c:v>
                </c:pt>
                <c:pt idx="314">
                  <c:v>34.799999999999997</c:v>
                </c:pt>
                <c:pt idx="315">
                  <c:v>34.799999999999997</c:v>
                </c:pt>
                <c:pt idx="316">
                  <c:v>34.799999999999997</c:v>
                </c:pt>
                <c:pt idx="317">
                  <c:v>34.700000000000003</c:v>
                </c:pt>
                <c:pt idx="318">
                  <c:v>34.700000000000003</c:v>
                </c:pt>
                <c:pt idx="319">
                  <c:v>34.700000000000003</c:v>
                </c:pt>
                <c:pt idx="320">
                  <c:v>34.6</c:v>
                </c:pt>
                <c:pt idx="321">
                  <c:v>34.6</c:v>
                </c:pt>
                <c:pt idx="322">
                  <c:v>34.5</c:v>
                </c:pt>
                <c:pt idx="323">
                  <c:v>34.5</c:v>
                </c:pt>
                <c:pt idx="324">
                  <c:v>34.4</c:v>
                </c:pt>
                <c:pt idx="325">
                  <c:v>34.4</c:v>
                </c:pt>
                <c:pt idx="326">
                  <c:v>34.299999999999997</c:v>
                </c:pt>
                <c:pt idx="327">
                  <c:v>34.299999999999997</c:v>
                </c:pt>
                <c:pt idx="328">
                  <c:v>34.299999999999997</c:v>
                </c:pt>
                <c:pt idx="329">
                  <c:v>34.200000000000003</c:v>
                </c:pt>
                <c:pt idx="330">
                  <c:v>34.200000000000003</c:v>
                </c:pt>
                <c:pt idx="331">
                  <c:v>34.200000000000003</c:v>
                </c:pt>
                <c:pt idx="332">
                  <c:v>34.200000000000003</c:v>
                </c:pt>
                <c:pt idx="333">
                  <c:v>34.1</c:v>
                </c:pt>
                <c:pt idx="334">
                  <c:v>34.1</c:v>
                </c:pt>
                <c:pt idx="335">
                  <c:v>34.1</c:v>
                </c:pt>
                <c:pt idx="336">
                  <c:v>34</c:v>
                </c:pt>
                <c:pt idx="337">
                  <c:v>34</c:v>
                </c:pt>
                <c:pt idx="338">
                  <c:v>34</c:v>
                </c:pt>
                <c:pt idx="339">
                  <c:v>33.9</c:v>
                </c:pt>
                <c:pt idx="340">
                  <c:v>33.9</c:v>
                </c:pt>
                <c:pt idx="341">
                  <c:v>33.9</c:v>
                </c:pt>
                <c:pt idx="342">
                  <c:v>33.799999999999997</c:v>
                </c:pt>
                <c:pt idx="343">
                  <c:v>33.799999999999997</c:v>
                </c:pt>
                <c:pt idx="344">
                  <c:v>33.799999999999997</c:v>
                </c:pt>
                <c:pt idx="345">
                  <c:v>33.799999999999997</c:v>
                </c:pt>
                <c:pt idx="346">
                  <c:v>33.700000000000003</c:v>
                </c:pt>
                <c:pt idx="347">
                  <c:v>33.700000000000003</c:v>
                </c:pt>
                <c:pt idx="348">
                  <c:v>33.700000000000003</c:v>
                </c:pt>
                <c:pt idx="349">
                  <c:v>33.700000000000003</c:v>
                </c:pt>
                <c:pt idx="350">
                  <c:v>33.6</c:v>
                </c:pt>
                <c:pt idx="351">
                  <c:v>33.6</c:v>
                </c:pt>
                <c:pt idx="352">
                  <c:v>33.6</c:v>
                </c:pt>
                <c:pt idx="353">
                  <c:v>33.6</c:v>
                </c:pt>
                <c:pt idx="354">
                  <c:v>33.5</c:v>
                </c:pt>
                <c:pt idx="355">
                  <c:v>33.5</c:v>
                </c:pt>
                <c:pt idx="356">
                  <c:v>33.4</c:v>
                </c:pt>
                <c:pt idx="357">
                  <c:v>33.4</c:v>
                </c:pt>
                <c:pt idx="358">
                  <c:v>33.4</c:v>
                </c:pt>
                <c:pt idx="359">
                  <c:v>33.4</c:v>
                </c:pt>
                <c:pt idx="360">
                  <c:v>33.4</c:v>
                </c:pt>
                <c:pt idx="361">
                  <c:v>33.299999999999997</c:v>
                </c:pt>
                <c:pt idx="362">
                  <c:v>33.299999999999997</c:v>
                </c:pt>
                <c:pt idx="363">
                  <c:v>33.299999999999997</c:v>
                </c:pt>
                <c:pt idx="364">
                  <c:v>33.299999999999997</c:v>
                </c:pt>
                <c:pt idx="365">
                  <c:v>33.200000000000003</c:v>
                </c:pt>
                <c:pt idx="366">
                  <c:v>33.200000000000003</c:v>
                </c:pt>
                <c:pt idx="367">
                  <c:v>33.200000000000003</c:v>
                </c:pt>
                <c:pt idx="368">
                  <c:v>33.1</c:v>
                </c:pt>
                <c:pt idx="369">
                  <c:v>33.1</c:v>
                </c:pt>
                <c:pt idx="370">
                  <c:v>33.1</c:v>
                </c:pt>
                <c:pt idx="371">
                  <c:v>33.1</c:v>
                </c:pt>
                <c:pt idx="372">
                  <c:v>33</c:v>
                </c:pt>
                <c:pt idx="373">
                  <c:v>33</c:v>
                </c:pt>
                <c:pt idx="374">
                  <c:v>33</c:v>
                </c:pt>
                <c:pt idx="375">
                  <c:v>32.9</c:v>
                </c:pt>
                <c:pt idx="376">
                  <c:v>32.9</c:v>
                </c:pt>
                <c:pt idx="377">
                  <c:v>32.9</c:v>
                </c:pt>
                <c:pt idx="378">
                  <c:v>32.799999999999997</c:v>
                </c:pt>
                <c:pt idx="379">
                  <c:v>32.799999999999997</c:v>
                </c:pt>
                <c:pt idx="380">
                  <c:v>32.799999999999997</c:v>
                </c:pt>
                <c:pt idx="381">
                  <c:v>32.700000000000003</c:v>
                </c:pt>
                <c:pt idx="382">
                  <c:v>32.700000000000003</c:v>
                </c:pt>
                <c:pt idx="383">
                  <c:v>32.700000000000003</c:v>
                </c:pt>
                <c:pt idx="384">
                  <c:v>32.700000000000003</c:v>
                </c:pt>
                <c:pt idx="385">
                  <c:v>32.700000000000003</c:v>
                </c:pt>
                <c:pt idx="386">
                  <c:v>32.6</c:v>
                </c:pt>
                <c:pt idx="387">
                  <c:v>32.6</c:v>
                </c:pt>
                <c:pt idx="388">
                  <c:v>32.6</c:v>
                </c:pt>
                <c:pt idx="389">
                  <c:v>32.5</c:v>
                </c:pt>
                <c:pt idx="390">
                  <c:v>32.5</c:v>
                </c:pt>
                <c:pt idx="391">
                  <c:v>32.5</c:v>
                </c:pt>
                <c:pt idx="392">
                  <c:v>32.4</c:v>
                </c:pt>
                <c:pt idx="393">
                  <c:v>32.4</c:v>
                </c:pt>
                <c:pt idx="394">
                  <c:v>32.4</c:v>
                </c:pt>
                <c:pt idx="395">
                  <c:v>32.299999999999997</c:v>
                </c:pt>
                <c:pt idx="396">
                  <c:v>32.299999999999997</c:v>
                </c:pt>
                <c:pt idx="397">
                  <c:v>32.299999999999997</c:v>
                </c:pt>
                <c:pt idx="398">
                  <c:v>32.200000000000003</c:v>
                </c:pt>
                <c:pt idx="399">
                  <c:v>32.200000000000003</c:v>
                </c:pt>
                <c:pt idx="400">
                  <c:v>32.200000000000003</c:v>
                </c:pt>
                <c:pt idx="401">
                  <c:v>32.200000000000003</c:v>
                </c:pt>
                <c:pt idx="402">
                  <c:v>32.1</c:v>
                </c:pt>
                <c:pt idx="403">
                  <c:v>32.1</c:v>
                </c:pt>
                <c:pt idx="404">
                  <c:v>32.1</c:v>
                </c:pt>
                <c:pt idx="405">
                  <c:v>32.1</c:v>
                </c:pt>
                <c:pt idx="406">
                  <c:v>32.1</c:v>
                </c:pt>
                <c:pt idx="407">
                  <c:v>32.1</c:v>
                </c:pt>
                <c:pt idx="408">
                  <c:v>32</c:v>
                </c:pt>
                <c:pt idx="409">
                  <c:v>32</c:v>
                </c:pt>
                <c:pt idx="410">
                  <c:v>32</c:v>
                </c:pt>
                <c:pt idx="411">
                  <c:v>32</c:v>
                </c:pt>
                <c:pt idx="412">
                  <c:v>31.9</c:v>
                </c:pt>
                <c:pt idx="413">
                  <c:v>31.9</c:v>
                </c:pt>
                <c:pt idx="414">
                  <c:v>31.9</c:v>
                </c:pt>
                <c:pt idx="415">
                  <c:v>31.9</c:v>
                </c:pt>
                <c:pt idx="416">
                  <c:v>31.8</c:v>
                </c:pt>
                <c:pt idx="417">
                  <c:v>31.8</c:v>
                </c:pt>
                <c:pt idx="418">
                  <c:v>31.8</c:v>
                </c:pt>
                <c:pt idx="419">
                  <c:v>31.7</c:v>
                </c:pt>
                <c:pt idx="420">
                  <c:v>31.7</c:v>
                </c:pt>
                <c:pt idx="421">
                  <c:v>31.7</c:v>
                </c:pt>
                <c:pt idx="422">
                  <c:v>31.7</c:v>
                </c:pt>
                <c:pt idx="423">
                  <c:v>31.7</c:v>
                </c:pt>
                <c:pt idx="424">
                  <c:v>31.7</c:v>
                </c:pt>
                <c:pt idx="425">
                  <c:v>31.7</c:v>
                </c:pt>
                <c:pt idx="426">
                  <c:v>31.6</c:v>
                </c:pt>
                <c:pt idx="427">
                  <c:v>31.6</c:v>
                </c:pt>
                <c:pt idx="428">
                  <c:v>31.6</c:v>
                </c:pt>
                <c:pt idx="429">
                  <c:v>31.6</c:v>
                </c:pt>
                <c:pt idx="430">
                  <c:v>31.5</c:v>
                </c:pt>
                <c:pt idx="431">
                  <c:v>31.5</c:v>
                </c:pt>
                <c:pt idx="432">
                  <c:v>31.5</c:v>
                </c:pt>
                <c:pt idx="433">
                  <c:v>31.5</c:v>
                </c:pt>
                <c:pt idx="434">
                  <c:v>31.5</c:v>
                </c:pt>
                <c:pt idx="435">
                  <c:v>31.4</c:v>
                </c:pt>
                <c:pt idx="436">
                  <c:v>31.4</c:v>
                </c:pt>
                <c:pt idx="437">
                  <c:v>31.4</c:v>
                </c:pt>
                <c:pt idx="438">
                  <c:v>31.4</c:v>
                </c:pt>
                <c:pt idx="439">
                  <c:v>31.4</c:v>
                </c:pt>
                <c:pt idx="440">
                  <c:v>31.4</c:v>
                </c:pt>
                <c:pt idx="441">
                  <c:v>31.4</c:v>
                </c:pt>
                <c:pt idx="442">
                  <c:v>31.4</c:v>
                </c:pt>
                <c:pt idx="443">
                  <c:v>31.4</c:v>
                </c:pt>
                <c:pt idx="444">
                  <c:v>31.4</c:v>
                </c:pt>
                <c:pt idx="445">
                  <c:v>31.4</c:v>
                </c:pt>
                <c:pt idx="446">
                  <c:v>31.4</c:v>
                </c:pt>
                <c:pt idx="447">
                  <c:v>31.3</c:v>
                </c:pt>
                <c:pt idx="448">
                  <c:v>31.3</c:v>
                </c:pt>
                <c:pt idx="449">
                  <c:v>31.3</c:v>
                </c:pt>
                <c:pt idx="450">
                  <c:v>31.3</c:v>
                </c:pt>
                <c:pt idx="451">
                  <c:v>31.2</c:v>
                </c:pt>
                <c:pt idx="452">
                  <c:v>31.2</c:v>
                </c:pt>
                <c:pt idx="453">
                  <c:v>31.1</c:v>
                </c:pt>
                <c:pt idx="454">
                  <c:v>31.1</c:v>
                </c:pt>
                <c:pt idx="455">
                  <c:v>31.1</c:v>
                </c:pt>
                <c:pt idx="456">
                  <c:v>31</c:v>
                </c:pt>
                <c:pt idx="457">
                  <c:v>31</c:v>
                </c:pt>
                <c:pt idx="458">
                  <c:v>31</c:v>
                </c:pt>
                <c:pt idx="459">
                  <c:v>31</c:v>
                </c:pt>
                <c:pt idx="460">
                  <c:v>31</c:v>
                </c:pt>
                <c:pt idx="461">
                  <c:v>31</c:v>
                </c:pt>
                <c:pt idx="462">
                  <c:v>30.9</c:v>
                </c:pt>
                <c:pt idx="463">
                  <c:v>30.9</c:v>
                </c:pt>
                <c:pt idx="464">
                  <c:v>30.9</c:v>
                </c:pt>
                <c:pt idx="465">
                  <c:v>30.9</c:v>
                </c:pt>
                <c:pt idx="466">
                  <c:v>30.9</c:v>
                </c:pt>
                <c:pt idx="467">
                  <c:v>30.8</c:v>
                </c:pt>
                <c:pt idx="468">
                  <c:v>30.8</c:v>
                </c:pt>
                <c:pt idx="469">
                  <c:v>30.8</c:v>
                </c:pt>
                <c:pt idx="470">
                  <c:v>30.8</c:v>
                </c:pt>
                <c:pt idx="471">
                  <c:v>30.8</c:v>
                </c:pt>
                <c:pt idx="472">
                  <c:v>30.7</c:v>
                </c:pt>
                <c:pt idx="473">
                  <c:v>30.7</c:v>
                </c:pt>
                <c:pt idx="474">
                  <c:v>30.7</c:v>
                </c:pt>
                <c:pt idx="475">
                  <c:v>30.6</c:v>
                </c:pt>
                <c:pt idx="476">
                  <c:v>30.6</c:v>
                </c:pt>
                <c:pt idx="477">
                  <c:v>30.6</c:v>
                </c:pt>
                <c:pt idx="478">
                  <c:v>30.6</c:v>
                </c:pt>
                <c:pt idx="479">
                  <c:v>30.5</c:v>
                </c:pt>
                <c:pt idx="480">
                  <c:v>30.5</c:v>
                </c:pt>
                <c:pt idx="481">
                  <c:v>30.5</c:v>
                </c:pt>
                <c:pt idx="482">
                  <c:v>30.5</c:v>
                </c:pt>
                <c:pt idx="483">
                  <c:v>30.4</c:v>
                </c:pt>
                <c:pt idx="484">
                  <c:v>30.4</c:v>
                </c:pt>
                <c:pt idx="485">
                  <c:v>30.4</c:v>
                </c:pt>
                <c:pt idx="486">
                  <c:v>30.4</c:v>
                </c:pt>
                <c:pt idx="487">
                  <c:v>30.4</c:v>
                </c:pt>
                <c:pt idx="488">
                  <c:v>30.3</c:v>
                </c:pt>
                <c:pt idx="489">
                  <c:v>30.3</c:v>
                </c:pt>
                <c:pt idx="490">
                  <c:v>30.3</c:v>
                </c:pt>
                <c:pt idx="491">
                  <c:v>30.3</c:v>
                </c:pt>
                <c:pt idx="492">
                  <c:v>30.2</c:v>
                </c:pt>
                <c:pt idx="493">
                  <c:v>30.2</c:v>
                </c:pt>
                <c:pt idx="494">
                  <c:v>30.2</c:v>
                </c:pt>
                <c:pt idx="495">
                  <c:v>30.2</c:v>
                </c:pt>
                <c:pt idx="496">
                  <c:v>30.1</c:v>
                </c:pt>
                <c:pt idx="497">
                  <c:v>30.1</c:v>
                </c:pt>
                <c:pt idx="498">
                  <c:v>30.1</c:v>
                </c:pt>
                <c:pt idx="499">
                  <c:v>30.1</c:v>
                </c:pt>
                <c:pt idx="500">
                  <c:v>30.1</c:v>
                </c:pt>
                <c:pt idx="501">
                  <c:v>30.1</c:v>
                </c:pt>
                <c:pt idx="502">
                  <c:v>30.1</c:v>
                </c:pt>
                <c:pt idx="503">
                  <c:v>30.1</c:v>
                </c:pt>
                <c:pt idx="504">
                  <c:v>30.1</c:v>
                </c:pt>
                <c:pt idx="505">
                  <c:v>30.1</c:v>
                </c:pt>
                <c:pt idx="506">
                  <c:v>30.1</c:v>
                </c:pt>
                <c:pt idx="507">
                  <c:v>30.1</c:v>
                </c:pt>
                <c:pt idx="508">
                  <c:v>30.1</c:v>
                </c:pt>
                <c:pt idx="509">
                  <c:v>30</c:v>
                </c:pt>
                <c:pt idx="510">
                  <c:v>30</c:v>
                </c:pt>
                <c:pt idx="511">
                  <c:v>30</c:v>
                </c:pt>
                <c:pt idx="512">
                  <c:v>30</c:v>
                </c:pt>
                <c:pt idx="513">
                  <c:v>30</c:v>
                </c:pt>
                <c:pt idx="514">
                  <c:v>30</c:v>
                </c:pt>
                <c:pt idx="515">
                  <c:v>30</c:v>
                </c:pt>
                <c:pt idx="516">
                  <c:v>29.9</c:v>
                </c:pt>
                <c:pt idx="517">
                  <c:v>29.9</c:v>
                </c:pt>
                <c:pt idx="518">
                  <c:v>29.9</c:v>
                </c:pt>
                <c:pt idx="519">
                  <c:v>29.9</c:v>
                </c:pt>
                <c:pt idx="520">
                  <c:v>29.9</c:v>
                </c:pt>
                <c:pt idx="521">
                  <c:v>29.8</c:v>
                </c:pt>
                <c:pt idx="522">
                  <c:v>29.8</c:v>
                </c:pt>
                <c:pt idx="523">
                  <c:v>29.7</c:v>
                </c:pt>
                <c:pt idx="524">
                  <c:v>29.7</c:v>
                </c:pt>
                <c:pt idx="525">
                  <c:v>29.7</c:v>
                </c:pt>
                <c:pt idx="526">
                  <c:v>29.6</c:v>
                </c:pt>
                <c:pt idx="527">
                  <c:v>29.6</c:v>
                </c:pt>
                <c:pt idx="528">
                  <c:v>29.6</c:v>
                </c:pt>
                <c:pt idx="529">
                  <c:v>29.6</c:v>
                </c:pt>
                <c:pt idx="530">
                  <c:v>29.6</c:v>
                </c:pt>
                <c:pt idx="531">
                  <c:v>29.5</c:v>
                </c:pt>
                <c:pt idx="532">
                  <c:v>29.5</c:v>
                </c:pt>
                <c:pt idx="533">
                  <c:v>29.5</c:v>
                </c:pt>
                <c:pt idx="534">
                  <c:v>29.5</c:v>
                </c:pt>
                <c:pt idx="535">
                  <c:v>29.5</c:v>
                </c:pt>
                <c:pt idx="536">
                  <c:v>29.5</c:v>
                </c:pt>
                <c:pt idx="537">
                  <c:v>29.5</c:v>
                </c:pt>
                <c:pt idx="538">
                  <c:v>29.5</c:v>
                </c:pt>
                <c:pt idx="539">
                  <c:v>29.5</c:v>
                </c:pt>
                <c:pt idx="540">
                  <c:v>29.5</c:v>
                </c:pt>
                <c:pt idx="541">
                  <c:v>29.5</c:v>
                </c:pt>
                <c:pt idx="542">
                  <c:v>29.5</c:v>
                </c:pt>
                <c:pt idx="543">
                  <c:v>29.5</c:v>
                </c:pt>
                <c:pt idx="544">
                  <c:v>29.5</c:v>
                </c:pt>
                <c:pt idx="545">
                  <c:v>29.5</c:v>
                </c:pt>
                <c:pt idx="546">
                  <c:v>29.5</c:v>
                </c:pt>
                <c:pt idx="547">
                  <c:v>29.5</c:v>
                </c:pt>
                <c:pt idx="548">
                  <c:v>29.5</c:v>
                </c:pt>
                <c:pt idx="549">
                  <c:v>29.4</c:v>
                </c:pt>
                <c:pt idx="550">
                  <c:v>29.4</c:v>
                </c:pt>
                <c:pt idx="551">
                  <c:v>29.4</c:v>
                </c:pt>
                <c:pt idx="552">
                  <c:v>29.4</c:v>
                </c:pt>
                <c:pt idx="553">
                  <c:v>29.4</c:v>
                </c:pt>
                <c:pt idx="554">
                  <c:v>29.4</c:v>
                </c:pt>
                <c:pt idx="555">
                  <c:v>29.4</c:v>
                </c:pt>
                <c:pt idx="556">
                  <c:v>29.3</c:v>
                </c:pt>
                <c:pt idx="557">
                  <c:v>29.3</c:v>
                </c:pt>
                <c:pt idx="558">
                  <c:v>29.3</c:v>
                </c:pt>
                <c:pt idx="559">
                  <c:v>29.3</c:v>
                </c:pt>
                <c:pt idx="560">
                  <c:v>29.3</c:v>
                </c:pt>
                <c:pt idx="561">
                  <c:v>29.3</c:v>
                </c:pt>
                <c:pt idx="562">
                  <c:v>29.3</c:v>
                </c:pt>
                <c:pt idx="563">
                  <c:v>29.3</c:v>
                </c:pt>
                <c:pt idx="564">
                  <c:v>29.3</c:v>
                </c:pt>
                <c:pt idx="565">
                  <c:v>29.3</c:v>
                </c:pt>
                <c:pt idx="566">
                  <c:v>29.3</c:v>
                </c:pt>
                <c:pt idx="567">
                  <c:v>29.3</c:v>
                </c:pt>
                <c:pt idx="568">
                  <c:v>29.3</c:v>
                </c:pt>
                <c:pt idx="569">
                  <c:v>29.3</c:v>
                </c:pt>
                <c:pt idx="570">
                  <c:v>29.3</c:v>
                </c:pt>
                <c:pt idx="571">
                  <c:v>29.3</c:v>
                </c:pt>
                <c:pt idx="572">
                  <c:v>29.3</c:v>
                </c:pt>
                <c:pt idx="573">
                  <c:v>29.2</c:v>
                </c:pt>
                <c:pt idx="574">
                  <c:v>29.2</c:v>
                </c:pt>
                <c:pt idx="575">
                  <c:v>29.2</c:v>
                </c:pt>
                <c:pt idx="576">
                  <c:v>29.2</c:v>
                </c:pt>
                <c:pt idx="577">
                  <c:v>29.2</c:v>
                </c:pt>
                <c:pt idx="578">
                  <c:v>29.2</c:v>
                </c:pt>
                <c:pt idx="579">
                  <c:v>29.2</c:v>
                </c:pt>
                <c:pt idx="580">
                  <c:v>29.2</c:v>
                </c:pt>
                <c:pt idx="581">
                  <c:v>29.2</c:v>
                </c:pt>
                <c:pt idx="582">
                  <c:v>29.2</c:v>
                </c:pt>
                <c:pt idx="583">
                  <c:v>29.2</c:v>
                </c:pt>
                <c:pt idx="584">
                  <c:v>29.2</c:v>
                </c:pt>
                <c:pt idx="585">
                  <c:v>29.2</c:v>
                </c:pt>
                <c:pt idx="586">
                  <c:v>29.2</c:v>
                </c:pt>
                <c:pt idx="587">
                  <c:v>29.2</c:v>
                </c:pt>
                <c:pt idx="588">
                  <c:v>29.1</c:v>
                </c:pt>
                <c:pt idx="589">
                  <c:v>29.1</c:v>
                </c:pt>
                <c:pt idx="590">
                  <c:v>29.1</c:v>
                </c:pt>
                <c:pt idx="591">
                  <c:v>29.1</c:v>
                </c:pt>
                <c:pt idx="592">
                  <c:v>29.1</c:v>
                </c:pt>
                <c:pt idx="593">
                  <c:v>29.1</c:v>
                </c:pt>
                <c:pt idx="594">
                  <c:v>29.1</c:v>
                </c:pt>
                <c:pt idx="595">
                  <c:v>29.1</c:v>
                </c:pt>
                <c:pt idx="596">
                  <c:v>29</c:v>
                </c:pt>
                <c:pt idx="597">
                  <c:v>29</c:v>
                </c:pt>
                <c:pt idx="598">
                  <c:v>29</c:v>
                </c:pt>
                <c:pt idx="599">
                  <c:v>29</c:v>
                </c:pt>
                <c:pt idx="600">
                  <c:v>29</c:v>
                </c:pt>
                <c:pt idx="601">
                  <c:v>29</c:v>
                </c:pt>
                <c:pt idx="602">
                  <c:v>29</c:v>
                </c:pt>
                <c:pt idx="603">
                  <c:v>29</c:v>
                </c:pt>
                <c:pt idx="604">
                  <c:v>29</c:v>
                </c:pt>
                <c:pt idx="605">
                  <c:v>29</c:v>
                </c:pt>
                <c:pt idx="606">
                  <c:v>29</c:v>
                </c:pt>
                <c:pt idx="607">
                  <c:v>29</c:v>
                </c:pt>
                <c:pt idx="608">
                  <c:v>29</c:v>
                </c:pt>
                <c:pt idx="609">
                  <c:v>29</c:v>
                </c:pt>
                <c:pt idx="610">
                  <c:v>29</c:v>
                </c:pt>
                <c:pt idx="611">
                  <c:v>29</c:v>
                </c:pt>
                <c:pt idx="612">
                  <c:v>29</c:v>
                </c:pt>
                <c:pt idx="613">
                  <c:v>29</c:v>
                </c:pt>
                <c:pt idx="614">
                  <c:v>29</c:v>
                </c:pt>
                <c:pt idx="615">
                  <c:v>29</c:v>
                </c:pt>
                <c:pt idx="616">
                  <c:v>29</c:v>
                </c:pt>
                <c:pt idx="617">
                  <c:v>29.1</c:v>
                </c:pt>
                <c:pt idx="618">
                  <c:v>29.1</c:v>
                </c:pt>
                <c:pt idx="619">
                  <c:v>29.1</c:v>
                </c:pt>
                <c:pt idx="620">
                  <c:v>29.1</c:v>
                </c:pt>
                <c:pt idx="621">
                  <c:v>29.2</c:v>
                </c:pt>
                <c:pt idx="622">
                  <c:v>29.1</c:v>
                </c:pt>
                <c:pt idx="623">
                  <c:v>29.1</c:v>
                </c:pt>
                <c:pt idx="624">
                  <c:v>29.1</c:v>
                </c:pt>
                <c:pt idx="625">
                  <c:v>29.1</c:v>
                </c:pt>
                <c:pt idx="626">
                  <c:v>29</c:v>
                </c:pt>
                <c:pt idx="627">
                  <c:v>29</c:v>
                </c:pt>
                <c:pt idx="628">
                  <c:v>29</c:v>
                </c:pt>
                <c:pt idx="629">
                  <c:v>29</c:v>
                </c:pt>
                <c:pt idx="630">
                  <c:v>28.9</c:v>
                </c:pt>
                <c:pt idx="631">
                  <c:v>28.9</c:v>
                </c:pt>
                <c:pt idx="632">
                  <c:v>28.9</c:v>
                </c:pt>
                <c:pt idx="633">
                  <c:v>28.8</c:v>
                </c:pt>
                <c:pt idx="634">
                  <c:v>28.8</c:v>
                </c:pt>
                <c:pt idx="635">
                  <c:v>28.7</c:v>
                </c:pt>
                <c:pt idx="636">
                  <c:v>28.7</c:v>
                </c:pt>
                <c:pt idx="637">
                  <c:v>28.6</c:v>
                </c:pt>
                <c:pt idx="638">
                  <c:v>28.6</c:v>
                </c:pt>
                <c:pt idx="639">
                  <c:v>28.5</c:v>
                </c:pt>
                <c:pt idx="640">
                  <c:v>28.5</c:v>
                </c:pt>
                <c:pt idx="641">
                  <c:v>28.5</c:v>
                </c:pt>
                <c:pt idx="642">
                  <c:v>28.4</c:v>
                </c:pt>
                <c:pt idx="643">
                  <c:v>28.4</c:v>
                </c:pt>
                <c:pt idx="644">
                  <c:v>28.4</c:v>
                </c:pt>
                <c:pt idx="645">
                  <c:v>28.4</c:v>
                </c:pt>
                <c:pt idx="646">
                  <c:v>28.4</c:v>
                </c:pt>
                <c:pt idx="647">
                  <c:v>28.4</c:v>
                </c:pt>
                <c:pt idx="648">
                  <c:v>28.4</c:v>
                </c:pt>
                <c:pt idx="649">
                  <c:v>28.3</c:v>
                </c:pt>
                <c:pt idx="650">
                  <c:v>28.3</c:v>
                </c:pt>
                <c:pt idx="651">
                  <c:v>28.3</c:v>
                </c:pt>
                <c:pt idx="652">
                  <c:v>28.3</c:v>
                </c:pt>
                <c:pt idx="653">
                  <c:v>28.2</c:v>
                </c:pt>
                <c:pt idx="654">
                  <c:v>28.2</c:v>
                </c:pt>
                <c:pt idx="655">
                  <c:v>28.2</c:v>
                </c:pt>
                <c:pt idx="656">
                  <c:v>28.2</c:v>
                </c:pt>
                <c:pt idx="657">
                  <c:v>28.2</c:v>
                </c:pt>
                <c:pt idx="658">
                  <c:v>28.2</c:v>
                </c:pt>
                <c:pt idx="659">
                  <c:v>28.2</c:v>
                </c:pt>
                <c:pt idx="660">
                  <c:v>28.2</c:v>
                </c:pt>
                <c:pt idx="661">
                  <c:v>28.2</c:v>
                </c:pt>
                <c:pt idx="662">
                  <c:v>28.2</c:v>
                </c:pt>
                <c:pt idx="663">
                  <c:v>28.2</c:v>
                </c:pt>
                <c:pt idx="664">
                  <c:v>28.2</c:v>
                </c:pt>
                <c:pt idx="665">
                  <c:v>28.2</c:v>
                </c:pt>
                <c:pt idx="666">
                  <c:v>28.2</c:v>
                </c:pt>
                <c:pt idx="667">
                  <c:v>28.2</c:v>
                </c:pt>
                <c:pt idx="668">
                  <c:v>28.2</c:v>
                </c:pt>
                <c:pt idx="669">
                  <c:v>28.1</c:v>
                </c:pt>
                <c:pt idx="670">
                  <c:v>28.1</c:v>
                </c:pt>
                <c:pt idx="671">
                  <c:v>28.1</c:v>
                </c:pt>
                <c:pt idx="672">
                  <c:v>28.1</c:v>
                </c:pt>
                <c:pt idx="673">
                  <c:v>28</c:v>
                </c:pt>
                <c:pt idx="674">
                  <c:v>28</c:v>
                </c:pt>
                <c:pt idx="675">
                  <c:v>28</c:v>
                </c:pt>
                <c:pt idx="676">
                  <c:v>28</c:v>
                </c:pt>
                <c:pt idx="677">
                  <c:v>28</c:v>
                </c:pt>
                <c:pt idx="678">
                  <c:v>28</c:v>
                </c:pt>
                <c:pt idx="679">
                  <c:v>27.9</c:v>
                </c:pt>
                <c:pt idx="680">
                  <c:v>27.9</c:v>
                </c:pt>
                <c:pt idx="681">
                  <c:v>27.9</c:v>
                </c:pt>
                <c:pt idx="682">
                  <c:v>27.9</c:v>
                </c:pt>
                <c:pt idx="683">
                  <c:v>27.9</c:v>
                </c:pt>
                <c:pt idx="684">
                  <c:v>27.8</c:v>
                </c:pt>
                <c:pt idx="685">
                  <c:v>27.8</c:v>
                </c:pt>
                <c:pt idx="686">
                  <c:v>27.8</c:v>
                </c:pt>
                <c:pt idx="687">
                  <c:v>27.8</c:v>
                </c:pt>
                <c:pt idx="688">
                  <c:v>27.8</c:v>
                </c:pt>
                <c:pt idx="689">
                  <c:v>27.8</c:v>
                </c:pt>
                <c:pt idx="690">
                  <c:v>27.8</c:v>
                </c:pt>
                <c:pt idx="691">
                  <c:v>27.7</c:v>
                </c:pt>
                <c:pt idx="692">
                  <c:v>27.7</c:v>
                </c:pt>
                <c:pt idx="693">
                  <c:v>27.7</c:v>
                </c:pt>
                <c:pt idx="694">
                  <c:v>27.7</c:v>
                </c:pt>
                <c:pt idx="695">
                  <c:v>27.7</c:v>
                </c:pt>
                <c:pt idx="696">
                  <c:v>27.7</c:v>
                </c:pt>
                <c:pt idx="697">
                  <c:v>27.7</c:v>
                </c:pt>
                <c:pt idx="698">
                  <c:v>27.7</c:v>
                </c:pt>
                <c:pt idx="699">
                  <c:v>27.7</c:v>
                </c:pt>
                <c:pt idx="700">
                  <c:v>27.7</c:v>
                </c:pt>
                <c:pt idx="701">
                  <c:v>27.7</c:v>
                </c:pt>
                <c:pt idx="702">
                  <c:v>27.8</c:v>
                </c:pt>
                <c:pt idx="703">
                  <c:v>27.8</c:v>
                </c:pt>
                <c:pt idx="704">
                  <c:v>27.8</c:v>
                </c:pt>
                <c:pt idx="705">
                  <c:v>27.8</c:v>
                </c:pt>
                <c:pt idx="706">
                  <c:v>27.8</c:v>
                </c:pt>
                <c:pt idx="707">
                  <c:v>27.8</c:v>
                </c:pt>
                <c:pt idx="708">
                  <c:v>27.7</c:v>
                </c:pt>
                <c:pt idx="709">
                  <c:v>27.7</c:v>
                </c:pt>
                <c:pt idx="710">
                  <c:v>27.7</c:v>
                </c:pt>
                <c:pt idx="711">
                  <c:v>27.6</c:v>
                </c:pt>
                <c:pt idx="712">
                  <c:v>27.6</c:v>
                </c:pt>
                <c:pt idx="713">
                  <c:v>27.6</c:v>
                </c:pt>
                <c:pt idx="714">
                  <c:v>27.5</c:v>
                </c:pt>
                <c:pt idx="715">
                  <c:v>27.5</c:v>
                </c:pt>
                <c:pt idx="716">
                  <c:v>27.5</c:v>
                </c:pt>
                <c:pt idx="717">
                  <c:v>27.5</c:v>
                </c:pt>
                <c:pt idx="718">
                  <c:v>27.4</c:v>
                </c:pt>
                <c:pt idx="719">
                  <c:v>27.4</c:v>
                </c:pt>
                <c:pt idx="720">
                  <c:v>27.4</c:v>
                </c:pt>
                <c:pt idx="721">
                  <c:v>27.4</c:v>
                </c:pt>
                <c:pt idx="722">
                  <c:v>27.4</c:v>
                </c:pt>
                <c:pt idx="723">
                  <c:v>27.3</c:v>
                </c:pt>
                <c:pt idx="724">
                  <c:v>27.3</c:v>
                </c:pt>
                <c:pt idx="725">
                  <c:v>27.3</c:v>
                </c:pt>
                <c:pt idx="726">
                  <c:v>27.3</c:v>
                </c:pt>
                <c:pt idx="727">
                  <c:v>27.3</c:v>
                </c:pt>
                <c:pt idx="728">
                  <c:v>27.3</c:v>
                </c:pt>
                <c:pt idx="729">
                  <c:v>27.3</c:v>
                </c:pt>
                <c:pt idx="730">
                  <c:v>27.2</c:v>
                </c:pt>
                <c:pt idx="731">
                  <c:v>27.2</c:v>
                </c:pt>
                <c:pt idx="732">
                  <c:v>27.2</c:v>
                </c:pt>
                <c:pt idx="733">
                  <c:v>27.2</c:v>
                </c:pt>
                <c:pt idx="734">
                  <c:v>27.2</c:v>
                </c:pt>
                <c:pt idx="735">
                  <c:v>27.2</c:v>
                </c:pt>
                <c:pt idx="736">
                  <c:v>27.2</c:v>
                </c:pt>
                <c:pt idx="737">
                  <c:v>27.2</c:v>
                </c:pt>
                <c:pt idx="738">
                  <c:v>27.1</c:v>
                </c:pt>
                <c:pt idx="739">
                  <c:v>27.1</c:v>
                </c:pt>
                <c:pt idx="740">
                  <c:v>27.1</c:v>
                </c:pt>
                <c:pt idx="741">
                  <c:v>27.1</c:v>
                </c:pt>
                <c:pt idx="742">
                  <c:v>27.1</c:v>
                </c:pt>
                <c:pt idx="743">
                  <c:v>27.1</c:v>
                </c:pt>
                <c:pt idx="744">
                  <c:v>27.1</c:v>
                </c:pt>
                <c:pt idx="745">
                  <c:v>27.1</c:v>
                </c:pt>
                <c:pt idx="746">
                  <c:v>27.1</c:v>
                </c:pt>
                <c:pt idx="747">
                  <c:v>27.1</c:v>
                </c:pt>
                <c:pt idx="748">
                  <c:v>27.1</c:v>
                </c:pt>
                <c:pt idx="749">
                  <c:v>27.1</c:v>
                </c:pt>
                <c:pt idx="750">
                  <c:v>27.1</c:v>
                </c:pt>
                <c:pt idx="751">
                  <c:v>27.1</c:v>
                </c:pt>
                <c:pt idx="752">
                  <c:v>27</c:v>
                </c:pt>
                <c:pt idx="753">
                  <c:v>27</c:v>
                </c:pt>
                <c:pt idx="754">
                  <c:v>27</c:v>
                </c:pt>
                <c:pt idx="755">
                  <c:v>27</c:v>
                </c:pt>
                <c:pt idx="756">
                  <c:v>27</c:v>
                </c:pt>
                <c:pt idx="757">
                  <c:v>27</c:v>
                </c:pt>
                <c:pt idx="758">
                  <c:v>27</c:v>
                </c:pt>
                <c:pt idx="759">
                  <c:v>27</c:v>
                </c:pt>
                <c:pt idx="760">
                  <c:v>27</c:v>
                </c:pt>
                <c:pt idx="761">
                  <c:v>27</c:v>
                </c:pt>
                <c:pt idx="762">
                  <c:v>26.9</c:v>
                </c:pt>
                <c:pt idx="763">
                  <c:v>26.9</c:v>
                </c:pt>
                <c:pt idx="764">
                  <c:v>26.9</c:v>
                </c:pt>
                <c:pt idx="765">
                  <c:v>26.9</c:v>
                </c:pt>
                <c:pt idx="766">
                  <c:v>26.9</c:v>
                </c:pt>
                <c:pt idx="767">
                  <c:v>26.9</c:v>
                </c:pt>
                <c:pt idx="768">
                  <c:v>26.9</c:v>
                </c:pt>
                <c:pt idx="769">
                  <c:v>26.8</c:v>
                </c:pt>
                <c:pt idx="770">
                  <c:v>26.8</c:v>
                </c:pt>
                <c:pt idx="771">
                  <c:v>26.8</c:v>
                </c:pt>
                <c:pt idx="772">
                  <c:v>26.8</c:v>
                </c:pt>
                <c:pt idx="773">
                  <c:v>26.8</c:v>
                </c:pt>
                <c:pt idx="774">
                  <c:v>26.8</c:v>
                </c:pt>
                <c:pt idx="775">
                  <c:v>26.8</c:v>
                </c:pt>
                <c:pt idx="776">
                  <c:v>26.8</c:v>
                </c:pt>
                <c:pt idx="777">
                  <c:v>26.8</c:v>
                </c:pt>
                <c:pt idx="778">
                  <c:v>26.8</c:v>
                </c:pt>
                <c:pt idx="779">
                  <c:v>26.8</c:v>
                </c:pt>
                <c:pt idx="780">
                  <c:v>26.8</c:v>
                </c:pt>
                <c:pt idx="781">
                  <c:v>26.8</c:v>
                </c:pt>
                <c:pt idx="782">
                  <c:v>26.7</c:v>
                </c:pt>
                <c:pt idx="783">
                  <c:v>26.7</c:v>
                </c:pt>
                <c:pt idx="784">
                  <c:v>26.7</c:v>
                </c:pt>
                <c:pt idx="785">
                  <c:v>26.7</c:v>
                </c:pt>
                <c:pt idx="786">
                  <c:v>26.7</c:v>
                </c:pt>
                <c:pt idx="787">
                  <c:v>26.7</c:v>
                </c:pt>
                <c:pt idx="788">
                  <c:v>26.7</c:v>
                </c:pt>
                <c:pt idx="789">
                  <c:v>26.6</c:v>
                </c:pt>
                <c:pt idx="790">
                  <c:v>26.6</c:v>
                </c:pt>
                <c:pt idx="791">
                  <c:v>26.6</c:v>
                </c:pt>
                <c:pt idx="792">
                  <c:v>26.6</c:v>
                </c:pt>
                <c:pt idx="793">
                  <c:v>26.6</c:v>
                </c:pt>
                <c:pt idx="794">
                  <c:v>26.6</c:v>
                </c:pt>
                <c:pt idx="795">
                  <c:v>26.6</c:v>
                </c:pt>
                <c:pt idx="796">
                  <c:v>26.6</c:v>
                </c:pt>
                <c:pt idx="797">
                  <c:v>26.6</c:v>
                </c:pt>
                <c:pt idx="798">
                  <c:v>26.6</c:v>
                </c:pt>
                <c:pt idx="799">
                  <c:v>26.6</c:v>
                </c:pt>
                <c:pt idx="800">
                  <c:v>26.6</c:v>
                </c:pt>
                <c:pt idx="801">
                  <c:v>26.6</c:v>
                </c:pt>
                <c:pt idx="802">
                  <c:v>26.5</c:v>
                </c:pt>
                <c:pt idx="803">
                  <c:v>26.5</c:v>
                </c:pt>
                <c:pt idx="804">
                  <c:v>26.5</c:v>
                </c:pt>
                <c:pt idx="805">
                  <c:v>26.5</c:v>
                </c:pt>
                <c:pt idx="806">
                  <c:v>26.5</c:v>
                </c:pt>
                <c:pt idx="807">
                  <c:v>26.5</c:v>
                </c:pt>
                <c:pt idx="808">
                  <c:v>26.5</c:v>
                </c:pt>
                <c:pt idx="809">
                  <c:v>26.5</c:v>
                </c:pt>
                <c:pt idx="810">
                  <c:v>26.5</c:v>
                </c:pt>
                <c:pt idx="811">
                  <c:v>26.5</c:v>
                </c:pt>
                <c:pt idx="812">
                  <c:v>26.5</c:v>
                </c:pt>
                <c:pt idx="813">
                  <c:v>26.5</c:v>
                </c:pt>
                <c:pt idx="814">
                  <c:v>26.5</c:v>
                </c:pt>
                <c:pt idx="815">
                  <c:v>26.5</c:v>
                </c:pt>
                <c:pt idx="816">
                  <c:v>26.5</c:v>
                </c:pt>
                <c:pt idx="817">
                  <c:v>26.5</c:v>
                </c:pt>
                <c:pt idx="818">
                  <c:v>26.5</c:v>
                </c:pt>
                <c:pt idx="819">
                  <c:v>26.5</c:v>
                </c:pt>
                <c:pt idx="820">
                  <c:v>26.5</c:v>
                </c:pt>
                <c:pt idx="821">
                  <c:v>26.4</c:v>
                </c:pt>
                <c:pt idx="822">
                  <c:v>26.4</c:v>
                </c:pt>
                <c:pt idx="823">
                  <c:v>26.4</c:v>
                </c:pt>
                <c:pt idx="824">
                  <c:v>26.4</c:v>
                </c:pt>
                <c:pt idx="825">
                  <c:v>26.4</c:v>
                </c:pt>
                <c:pt idx="826">
                  <c:v>26.4</c:v>
                </c:pt>
                <c:pt idx="827">
                  <c:v>26.4</c:v>
                </c:pt>
                <c:pt idx="828">
                  <c:v>26.4</c:v>
                </c:pt>
                <c:pt idx="829">
                  <c:v>26.4</c:v>
                </c:pt>
                <c:pt idx="830">
                  <c:v>26.5</c:v>
                </c:pt>
                <c:pt idx="831">
                  <c:v>26.5</c:v>
                </c:pt>
                <c:pt idx="832">
                  <c:v>26.4</c:v>
                </c:pt>
                <c:pt idx="833">
                  <c:v>26.4</c:v>
                </c:pt>
                <c:pt idx="834">
                  <c:v>26.4</c:v>
                </c:pt>
                <c:pt idx="835">
                  <c:v>26.4</c:v>
                </c:pt>
                <c:pt idx="836">
                  <c:v>26.4</c:v>
                </c:pt>
                <c:pt idx="837">
                  <c:v>26.4</c:v>
                </c:pt>
                <c:pt idx="838">
                  <c:v>26.3</c:v>
                </c:pt>
                <c:pt idx="839">
                  <c:v>26.3</c:v>
                </c:pt>
                <c:pt idx="840">
                  <c:v>26.3</c:v>
                </c:pt>
                <c:pt idx="841">
                  <c:v>26.3</c:v>
                </c:pt>
                <c:pt idx="842">
                  <c:v>26.3</c:v>
                </c:pt>
                <c:pt idx="843">
                  <c:v>26.3</c:v>
                </c:pt>
                <c:pt idx="844">
                  <c:v>26.3</c:v>
                </c:pt>
                <c:pt idx="845">
                  <c:v>26.3</c:v>
                </c:pt>
                <c:pt idx="846">
                  <c:v>26.3</c:v>
                </c:pt>
                <c:pt idx="847">
                  <c:v>26.3</c:v>
                </c:pt>
                <c:pt idx="848">
                  <c:v>26.3</c:v>
                </c:pt>
                <c:pt idx="849">
                  <c:v>26.3</c:v>
                </c:pt>
                <c:pt idx="850">
                  <c:v>26.3</c:v>
                </c:pt>
                <c:pt idx="851">
                  <c:v>26.3</c:v>
                </c:pt>
                <c:pt idx="852">
                  <c:v>26.3</c:v>
                </c:pt>
                <c:pt idx="853">
                  <c:v>26.3</c:v>
                </c:pt>
                <c:pt idx="854">
                  <c:v>26.3</c:v>
                </c:pt>
                <c:pt idx="855">
                  <c:v>26.3</c:v>
                </c:pt>
                <c:pt idx="856">
                  <c:v>26.3</c:v>
                </c:pt>
                <c:pt idx="857">
                  <c:v>26.3</c:v>
                </c:pt>
                <c:pt idx="858">
                  <c:v>26.3</c:v>
                </c:pt>
                <c:pt idx="859">
                  <c:v>26.3</c:v>
                </c:pt>
                <c:pt idx="860">
                  <c:v>26.3</c:v>
                </c:pt>
                <c:pt idx="861">
                  <c:v>26.3</c:v>
                </c:pt>
                <c:pt idx="862">
                  <c:v>26.4</c:v>
                </c:pt>
                <c:pt idx="863">
                  <c:v>26.4</c:v>
                </c:pt>
                <c:pt idx="864">
                  <c:v>26.4</c:v>
                </c:pt>
                <c:pt idx="865">
                  <c:v>26.4</c:v>
                </c:pt>
                <c:pt idx="866">
                  <c:v>26.4</c:v>
                </c:pt>
                <c:pt idx="867">
                  <c:v>26.4</c:v>
                </c:pt>
                <c:pt idx="868">
                  <c:v>26.4</c:v>
                </c:pt>
                <c:pt idx="869">
                  <c:v>26.4</c:v>
                </c:pt>
                <c:pt idx="870">
                  <c:v>26.4</c:v>
                </c:pt>
                <c:pt idx="871">
                  <c:v>26.4</c:v>
                </c:pt>
                <c:pt idx="872">
                  <c:v>26.4</c:v>
                </c:pt>
                <c:pt idx="873">
                  <c:v>26.4</c:v>
                </c:pt>
                <c:pt idx="874">
                  <c:v>26.4</c:v>
                </c:pt>
                <c:pt idx="875">
                  <c:v>26.4</c:v>
                </c:pt>
                <c:pt idx="876">
                  <c:v>26.4</c:v>
                </c:pt>
                <c:pt idx="877">
                  <c:v>26.4</c:v>
                </c:pt>
                <c:pt idx="878">
                  <c:v>26.4</c:v>
                </c:pt>
                <c:pt idx="879">
                  <c:v>26.3</c:v>
                </c:pt>
                <c:pt idx="880">
                  <c:v>26.3</c:v>
                </c:pt>
                <c:pt idx="881">
                  <c:v>26.3</c:v>
                </c:pt>
                <c:pt idx="882">
                  <c:v>26.3</c:v>
                </c:pt>
                <c:pt idx="883">
                  <c:v>26.3</c:v>
                </c:pt>
                <c:pt idx="884">
                  <c:v>26.3</c:v>
                </c:pt>
                <c:pt idx="885">
                  <c:v>26.3</c:v>
                </c:pt>
                <c:pt idx="886">
                  <c:v>26.2</c:v>
                </c:pt>
                <c:pt idx="887">
                  <c:v>26.2</c:v>
                </c:pt>
                <c:pt idx="888">
                  <c:v>26.2</c:v>
                </c:pt>
                <c:pt idx="889">
                  <c:v>26.2</c:v>
                </c:pt>
                <c:pt idx="890">
                  <c:v>26.2</c:v>
                </c:pt>
                <c:pt idx="891">
                  <c:v>26.1</c:v>
                </c:pt>
                <c:pt idx="892">
                  <c:v>26.1</c:v>
                </c:pt>
                <c:pt idx="893">
                  <c:v>26.1</c:v>
                </c:pt>
                <c:pt idx="894">
                  <c:v>26.1</c:v>
                </c:pt>
                <c:pt idx="895">
                  <c:v>26</c:v>
                </c:pt>
                <c:pt idx="896">
                  <c:v>26</c:v>
                </c:pt>
                <c:pt idx="897">
                  <c:v>26</c:v>
                </c:pt>
                <c:pt idx="898">
                  <c:v>26</c:v>
                </c:pt>
                <c:pt idx="899">
                  <c:v>26</c:v>
                </c:pt>
                <c:pt idx="900">
                  <c:v>26</c:v>
                </c:pt>
                <c:pt idx="901">
                  <c:v>26</c:v>
                </c:pt>
                <c:pt idx="902">
                  <c:v>26</c:v>
                </c:pt>
                <c:pt idx="903">
                  <c:v>26</c:v>
                </c:pt>
                <c:pt idx="904">
                  <c:v>26</c:v>
                </c:pt>
                <c:pt idx="905">
                  <c:v>26</c:v>
                </c:pt>
                <c:pt idx="906">
                  <c:v>26</c:v>
                </c:pt>
                <c:pt idx="907">
                  <c:v>26.1</c:v>
                </c:pt>
                <c:pt idx="908">
                  <c:v>26.1</c:v>
                </c:pt>
                <c:pt idx="909">
                  <c:v>26.1</c:v>
                </c:pt>
                <c:pt idx="910">
                  <c:v>26.2</c:v>
                </c:pt>
                <c:pt idx="911">
                  <c:v>26.2</c:v>
                </c:pt>
                <c:pt idx="912">
                  <c:v>26.2</c:v>
                </c:pt>
                <c:pt idx="913">
                  <c:v>26.2</c:v>
                </c:pt>
                <c:pt idx="914">
                  <c:v>26.2</c:v>
                </c:pt>
                <c:pt idx="915">
                  <c:v>26.3</c:v>
                </c:pt>
                <c:pt idx="916">
                  <c:v>26.3</c:v>
                </c:pt>
                <c:pt idx="917">
                  <c:v>26.3</c:v>
                </c:pt>
                <c:pt idx="918">
                  <c:v>26.3</c:v>
                </c:pt>
                <c:pt idx="919">
                  <c:v>26.3</c:v>
                </c:pt>
                <c:pt idx="920">
                  <c:v>26.3</c:v>
                </c:pt>
                <c:pt idx="921">
                  <c:v>26.3</c:v>
                </c:pt>
                <c:pt idx="922">
                  <c:v>26.2</c:v>
                </c:pt>
                <c:pt idx="923">
                  <c:v>26.2</c:v>
                </c:pt>
                <c:pt idx="924">
                  <c:v>26.2</c:v>
                </c:pt>
                <c:pt idx="925">
                  <c:v>26.2</c:v>
                </c:pt>
                <c:pt idx="926">
                  <c:v>26.2</c:v>
                </c:pt>
                <c:pt idx="927">
                  <c:v>26.1</c:v>
                </c:pt>
                <c:pt idx="928">
                  <c:v>26.1</c:v>
                </c:pt>
                <c:pt idx="929">
                  <c:v>26.1</c:v>
                </c:pt>
                <c:pt idx="930">
                  <c:v>26.1</c:v>
                </c:pt>
                <c:pt idx="931">
                  <c:v>26.1</c:v>
                </c:pt>
                <c:pt idx="932">
                  <c:v>26.1</c:v>
                </c:pt>
                <c:pt idx="933">
                  <c:v>26.1</c:v>
                </c:pt>
                <c:pt idx="934">
                  <c:v>26.1</c:v>
                </c:pt>
                <c:pt idx="935">
                  <c:v>26.1</c:v>
                </c:pt>
                <c:pt idx="936">
                  <c:v>26.1</c:v>
                </c:pt>
                <c:pt idx="937">
                  <c:v>26.1</c:v>
                </c:pt>
                <c:pt idx="938">
                  <c:v>26.1</c:v>
                </c:pt>
                <c:pt idx="939">
                  <c:v>26</c:v>
                </c:pt>
                <c:pt idx="940">
                  <c:v>26</c:v>
                </c:pt>
                <c:pt idx="941">
                  <c:v>26</c:v>
                </c:pt>
                <c:pt idx="942">
                  <c:v>26</c:v>
                </c:pt>
                <c:pt idx="943">
                  <c:v>26</c:v>
                </c:pt>
                <c:pt idx="944">
                  <c:v>26</c:v>
                </c:pt>
                <c:pt idx="945">
                  <c:v>26</c:v>
                </c:pt>
                <c:pt idx="946">
                  <c:v>26</c:v>
                </c:pt>
                <c:pt idx="947">
                  <c:v>26</c:v>
                </c:pt>
                <c:pt idx="948">
                  <c:v>26</c:v>
                </c:pt>
                <c:pt idx="949">
                  <c:v>26</c:v>
                </c:pt>
                <c:pt idx="950">
                  <c:v>26</c:v>
                </c:pt>
                <c:pt idx="951">
                  <c:v>26</c:v>
                </c:pt>
                <c:pt idx="952">
                  <c:v>26</c:v>
                </c:pt>
                <c:pt idx="953">
                  <c:v>25.9</c:v>
                </c:pt>
                <c:pt idx="954">
                  <c:v>25.9</c:v>
                </c:pt>
                <c:pt idx="955">
                  <c:v>25.9</c:v>
                </c:pt>
                <c:pt idx="956">
                  <c:v>25.9</c:v>
                </c:pt>
                <c:pt idx="957">
                  <c:v>25.9</c:v>
                </c:pt>
                <c:pt idx="958">
                  <c:v>25.9</c:v>
                </c:pt>
                <c:pt idx="959">
                  <c:v>25.9</c:v>
                </c:pt>
                <c:pt idx="960">
                  <c:v>25.9</c:v>
                </c:pt>
                <c:pt idx="961">
                  <c:v>25.8</c:v>
                </c:pt>
                <c:pt idx="962">
                  <c:v>25.8</c:v>
                </c:pt>
                <c:pt idx="963">
                  <c:v>25.8</c:v>
                </c:pt>
                <c:pt idx="964">
                  <c:v>25.8</c:v>
                </c:pt>
                <c:pt idx="965">
                  <c:v>25.9</c:v>
                </c:pt>
                <c:pt idx="966">
                  <c:v>25.9</c:v>
                </c:pt>
                <c:pt idx="967">
                  <c:v>25.9</c:v>
                </c:pt>
                <c:pt idx="968">
                  <c:v>25.9</c:v>
                </c:pt>
                <c:pt idx="969">
                  <c:v>26</c:v>
                </c:pt>
                <c:pt idx="970">
                  <c:v>26</c:v>
                </c:pt>
                <c:pt idx="971">
                  <c:v>26</c:v>
                </c:pt>
                <c:pt idx="972">
                  <c:v>26</c:v>
                </c:pt>
                <c:pt idx="973">
                  <c:v>26.1</c:v>
                </c:pt>
                <c:pt idx="974">
                  <c:v>26.1</c:v>
                </c:pt>
                <c:pt idx="975">
                  <c:v>26.1</c:v>
                </c:pt>
                <c:pt idx="976">
                  <c:v>26.1</c:v>
                </c:pt>
                <c:pt idx="977">
                  <c:v>26.2</c:v>
                </c:pt>
                <c:pt idx="978">
                  <c:v>26.2</c:v>
                </c:pt>
                <c:pt idx="979">
                  <c:v>26.2</c:v>
                </c:pt>
                <c:pt idx="980">
                  <c:v>26.2</c:v>
                </c:pt>
                <c:pt idx="981">
                  <c:v>26.2</c:v>
                </c:pt>
                <c:pt idx="982">
                  <c:v>26.2</c:v>
                </c:pt>
                <c:pt idx="983">
                  <c:v>26.2</c:v>
                </c:pt>
                <c:pt idx="984">
                  <c:v>26.2</c:v>
                </c:pt>
                <c:pt idx="985">
                  <c:v>26.3</c:v>
                </c:pt>
                <c:pt idx="986">
                  <c:v>26.2</c:v>
                </c:pt>
                <c:pt idx="987">
                  <c:v>26.2</c:v>
                </c:pt>
                <c:pt idx="988">
                  <c:v>26.2</c:v>
                </c:pt>
                <c:pt idx="989">
                  <c:v>26.2</c:v>
                </c:pt>
                <c:pt idx="990">
                  <c:v>26.2</c:v>
                </c:pt>
                <c:pt idx="991">
                  <c:v>26.2</c:v>
                </c:pt>
                <c:pt idx="992">
                  <c:v>26.2</c:v>
                </c:pt>
                <c:pt idx="993">
                  <c:v>26.2</c:v>
                </c:pt>
                <c:pt idx="994">
                  <c:v>26.2</c:v>
                </c:pt>
                <c:pt idx="995">
                  <c:v>26.2</c:v>
                </c:pt>
                <c:pt idx="996">
                  <c:v>26.2</c:v>
                </c:pt>
                <c:pt idx="997">
                  <c:v>26.1</c:v>
                </c:pt>
                <c:pt idx="998">
                  <c:v>26.1</c:v>
                </c:pt>
                <c:pt idx="999">
                  <c:v>26.1</c:v>
                </c:pt>
                <c:pt idx="1000">
                  <c:v>26</c:v>
                </c:pt>
                <c:pt idx="1001">
                  <c:v>26</c:v>
                </c:pt>
                <c:pt idx="1002">
                  <c:v>26</c:v>
                </c:pt>
                <c:pt idx="1003">
                  <c:v>25.9</c:v>
                </c:pt>
                <c:pt idx="1004">
                  <c:v>25.9</c:v>
                </c:pt>
                <c:pt idx="1005">
                  <c:v>25.9</c:v>
                </c:pt>
                <c:pt idx="1006">
                  <c:v>25.9</c:v>
                </c:pt>
                <c:pt idx="1007">
                  <c:v>25.9</c:v>
                </c:pt>
                <c:pt idx="1008">
                  <c:v>25.9</c:v>
                </c:pt>
                <c:pt idx="1009">
                  <c:v>25.8</c:v>
                </c:pt>
                <c:pt idx="1010">
                  <c:v>25.8</c:v>
                </c:pt>
                <c:pt idx="1011">
                  <c:v>25.8</c:v>
                </c:pt>
                <c:pt idx="1012">
                  <c:v>25.8</c:v>
                </c:pt>
                <c:pt idx="1013">
                  <c:v>25.8</c:v>
                </c:pt>
                <c:pt idx="1014">
                  <c:v>25.7</c:v>
                </c:pt>
                <c:pt idx="1015">
                  <c:v>25.7</c:v>
                </c:pt>
                <c:pt idx="1016">
                  <c:v>25.7</c:v>
                </c:pt>
                <c:pt idx="1017">
                  <c:v>25.7</c:v>
                </c:pt>
                <c:pt idx="1018">
                  <c:v>25.7</c:v>
                </c:pt>
                <c:pt idx="1019">
                  <c:v>25.7</c:v>
                </c:pt>
                <c:pt idx="1020">
                  <c:v>25.7</c:v>
                </c:pt>
                <c:pt idx="1021">
                  <c:v>25.7</c:v>
                </c:pt>
                <c:pt idx="1022">
                  <c:v>25.7</c:v>
                </c:pt>
                <c:pt idx="1023">
                  <c:v>25.6</c:v>
                </c:pt>
                <c:pt idx="1024">
                  <c:v>25.6</c:v>
                </c:pt>
                <c:pt idx="1025">
                  <c:v>25.5</c:v>
                </c:pt>
                <c:pt idx="1026">
                  <c:v>25.5</c:v>
                </c:pt>
                <c:pt idx="1027">
                  <c:v>25.5</c:v>
                </c:pt>
                <c:pt idx="1028">
                  <c:v>25.5</c:v>
                </c:pt>
                <c:pt idx="1029">
                  <c:v>25.5</c:v>
                </c:pt>
                <c:pt idx="1030">
                  <c:v>25.4</c:v>
                </c:pt>
                <c:pt idx="1031">
                  <c:v>25.4</c:v>
                </c:pt>
                <c:pt idx="1032">
                  <c:v>25.4</c:v>
                </c:pt>
                <c:pt idx="1033">
                  <c:v>25.4</c:v>
                </c:pt>
                <c:pt idx="1034">
                  <c:v>25.4</c:v>
                </c:pt>
                <c:pt idx="1035">
                  <c:v>25.4</c:v>
                </c:pt>
                <c:pt idx="1036">
                  <c:v>25.4</c:v>
                </c:pt>
                <c:pt idx="1037">
                  <c:v>25.4</c:v>
                </c:pt>
                <c:pt idx="1038">
                  <c:v>25.4</c:v>
                </c:pt>
                <c:pt idx="1039">
                  <c:v>25.3</c:v>
                </c:pt>
                <c:pt idx="1040">
                  <c:v>25.3</c:v>
                </c:pt>
                <c:pt idx="1041">
                  <c:v>25.3</c:v>
                </c:pt>
                <c:pt idx="1042">
                  <c:v>25.3</c:v>
                </c:pt>
                <c:pt idx="1043">
                  <c:v>25.3</c:v>
                </c:pt>
                <c:pt idx="1044">
                  <c:v>25.3</c:v>
                </c:pt>
                <c:pt idx="1045">
                  <c:v>25.3</c:v>
                </c:pt>
                <c:pt idx="1046">
                  <c:v>25.3</c:v>
                </c:pt>
                <c:pt idx="1047">
                  <c:v>25.3</c:v>
                </c:pt>
                <c:pt idx="1048">
                  <c:v>25.3</c:v>
                </c:pt>
                <c:pt idx="1049">
                  <c:v>25.3</c:v>
                </c:pt>
                <c:pt idx="1050">
                  <c:v>25.2</c:v>
                </c:pt>
                <c:pt idx="1051">
                  <c:v>25.2</c:v>
                </c:pt>
                <c:pt idx="1052">
                  <c:v>25.2</c:v>
                </c:pt>
                <c:pt idx="1053">
                  <c:v>25.2</c:v>
                </c:pt>
                <c:pt idx="1054">
                  <c:v>25.2</c:v>
                </c:pt>
                <c:pt idx="1055">
                  <c:v>25.2</c:v>
                </c:pt>
                <c:pt idx="1056">
                  <c:v>25.2</c:v>
                </c:pt>
                <c:pt idx="1057">
                  <c:v>25.2</c:v>
                </c:pt>
                <c:pt idx="1058">
                  <c:v>25.2</c:v>
                </c:pt>
                <c:pt idx="1059">
                  <c:v>25.2</c:v>
                </c:pt>
                <c:pt idx="1060">
                  <c:v>25.3</c:v>
                </c:pt>
                <c:pt idx="1061">
                  <c:v>25.3</c:v>
                </c:pt>
                <c:pt idx="1062">
                  <c:v>25.3</c:v>
                </c:pt>
                <c:pt idx="1063">
                  <c:v>25.2</c:v>
                </c:pt>
                <c:pt idx="1064">
                  <c:v>25.2</c:v>
                </c:pt>
                <c:pt idx="1065">
                  <c:v>25.2</c:v>
                </c:pt>
                <c:pt idx="1066">
                  <c:v>25.2</c:v>
                </c:pt>
                <c:pt idx="1067">
                  <c:v>25.2</c:v>
                </c:pt>
                <c:pt idx="1068">
                  <c:v>25.2</c:v>
                </c:pt>
                <c:pt idx="1069">
                  <c:v>25.2</c:v>
                </c:pt>
                <c:pt idx="1070">
                  <c:v>25.2</c:v>
                </c:pt>
                <c:pt idx="1071">
                  <c:v>25.1</c:v>
                </c:pt>
                <c:pt idx="1072">
                  <c:v>25.1</c:v>
                </c:pt>
                <c:pt idx="1073">
                  <c:v>25.1</c:v>
                </c:pt>
                <c:pt idx="1074">
                  <c:v>25.1</c:v>
                </c:pt>
                <c:pt idx="1075">
                  <c:v>25.1</c:v>
                </c:pt>
                <c:pt idx="1076">
                  <c:v>25.1</c:v>
                </c:pt>
                <c:pt idx="1077">
                  <c:v>25.1</c:v>
                </c:pt>
                <c:pt idx="1078">
                  <c:v>25.1</c:v>
                </c:pt>
                <c:pt idx="1079">
                  <c:v>25.1</c:v>
                </c:pt>
                <c:pt idx="1080">
                  <c:v>25.1</c:v>
                </c:pt>
                <c:pt idx="1081">
                  <c:v>25.1</c:v>
                </c:pt>
                <c:pt idx="1082">
                  <c:v>25.1</c:v>
                </c:pt>
                <c:pt idx="1083">
                  <c:v>25.2</c:v>
                </c:pt>
                <c:pt idx="1084">
                  <c:v>25.2</c:v>
                </c:pt>
                <c:pt idx="1085">
                  <c:v>25.2</c:v>
                </c:pt>
                <c:pt idx="1086">
                  <c:v>25.2</c:v>
                </c:pt>
                <c:pt idx="1087">
                  <c:v>25.2</c:v>
                </c:pt>
                <c:pt idx="1088">
                  <c:v>25.2</c:v>
                </c:pt>
                <c:pt idx="1089">
                  <c:v>25.2</c:v>
                </c:pt>
                <c:pt idx="1090">
                  <c:v>25.3</c:v>
                </c:pt>
                <c:pt idx="1091">
                  <c:v>25.3</c:v>
                </c:pt>
                <c:pt idx="1092">
                  <c:v>25.3</c:v>
                </c:pt>
                <c:pt idx="1093">
                  <c:v>25.3</c:v>
                </c:pt>
                <c:pt idx="1094">
                  <c:v>25.3</c:v>
                </c:pt>
                <c:pt idx="1095">
                  <c:v>25.3</c:v>
                </c:pt>
                <c:pt idx="1096">
                  <c:v>25.3</c:v>
                </c:pt>
                <c:pt idx="1097">
                  <c:v>25.3</c:v>
                </c:pt>
                <c:pt idx="1098">
                  <c:v>25.3</c:v>
                </c:pt>
                <c:pt idx="1099">
                  <c:v>25.3</c:v>
                </c:pt>
                <c:pt idx="1100">
                  <c:v>25.3</c:v>
                </c:pt>
                <c:pt idx="1101">
                  <c:v>25.3</c:v>
                </c:pt>
                <c:pt idx="1102">
                  <c:v>25.3</c:v>
                </c:pt>
                <c:pt idx="1103">
                  <c:v>25.3</c:v>
                </c:pt>
                <c:pt idx="1104">
                  <c:v>25.3</c:v>
                </c:pt>
                <c:pt idx="1105">
                  <c:v>25.3</c:v>
                </c:pt>
                <c:pt idx="1106">
                  <c:v>25.3</c:v>
                </c:pt>
                <c:pt idx="1107">
                  <c:v>25.3</c:v>
                </c:pt>
                <c:pt idx="1108">
                  <c:v>25.3</c:v>
                </c:pt>
                <c:pt idx="1109">
                  <c:v>25.3</c:v>
                </c:pt>
                <c:pt idx="1110">
                  <c:v>25.2</c:v>
                </c:pt>
                <c:pt idx="1111">
                  <c:v>25.2</c:v>
                </c:pt>
                <c:pt idx="1112">
                  <c:v>25.2</c:v>
                </c:pt>
                <c:pt idx="1113">
                  <c:v>25.2</c:v>
                </c:pt>
                <c:pt idx="1114">
                  <c:v>25.2</c:v>
                </c:pt>
                <c:pt idx="1115">
                  <c:v>25.2</c:v>
                </c:pt>
                <c:pt idx="1116">
                  <c:v>25.2</c:v>
                </c:pt>
                <c:pt idx="1117">
                  <c:v>25.2</c:v>
                </c:pt>
                <c:pt idx="1118">
                  <c:v>25.2</c:v>
                </c:pt>
                <c:pt idx="1119">
                  <c:v>25.2</c:v>
                </c:pt>
                <c:pt idx="1120">
                  <c:v>25.2</c:v>
                </c:pt>
                <c:pt idx="1121">
                  <c:v>25.1</c:v>
                </c:pt>
                <c:pt idx="1122">
                  <c:v>25.1</c:v>
                </c:pt>
                <c:pt idx="1123">
                  <c:v>25.1</c:v>
                </c:pt>
                <c:pt idx="1124">
                  <c:v>25.1</c:v>
                </c:pt>
                <c:pt idx="1125">
                  <c:v>25</c:v>
                </c:pt>
                <c:pt idx="1126">
                  <c:v>25</c:v>
                </c:pt>
                <c:pt idx="1127">
                  <c:v>24.9</c:v>
                </c:pt>
                <c:pt idx="1128">
                  <c:v>24.9</c:v>
                </c:pt>
                <c:pt idx="1129">
                  <c:v>24.9</c:v>
                </c:pt>
                <c:pt idx="1130">
                  <c:v>24.9</c:v>
                </c:pt>
                <c:pt idx="1131">
                  <c:v>24.9</c:v>
                </c:pt>
                <c:pt idx="1132">
                  <c:v>24.9</c:v>
                </c:pt>
                <c:pt idx="1133">
                  <c:v>24.9</c:v>
                </c:pt>
                <c:pt idx="1134">
                  <c:v>24.8</c:v>
                </c:pt>
                <c:pt idx="1135">
                  <c:v>24.8</c:v>
                </c:pt>
                <c:pt idx="1136">
                  <c:v>24.8</c:v>
                </c:pt>
                <c:pt idx="1137">
                  <c:v>24.8</c:v>
                </c:pt>
                <c:pt idx="1138">
                  <c:v>24.7</c:v>
                </c:pt>
                <c:pt idx="1139">
                  <c:v>24.7</c:v>
                </c:pt>
                <c:pt idx="1140">
                  <c:v>24.7</c:v>
                </c:pt>
                <c:pt idx="1141">
                  <c:v>24.7</c:v>
                </c:pt>
                <c:pt idx="1142">
                  <c:v>24.7</c:v>
                </c:pt>
                <c:pt idx="1143">
                  <c:v>24.7</c:v>
                </c:pt>
                <c:pt idx="1144">
                  <c:v>24.6</c:v>
                </c:pt>
                <c:pt idx="1145">
                  <c:v>24.6</c:v>
                </c:pt>
                <c:pt idx="1146">
                  <c:v>24.6</c:v>
                </c:pt>
                <c:pt idx="1147">
                  <c:v>24.6</c:v>
                </c:pt>
                <c:pt idx="1148">
                  <c:v>24.6</c:v>
                </c:pt>
                <c:pt idx="1149">
                  <c:v>24.5</c:v>
                </c:pt>
                <c:pt idx="1150">
                  <c:v>24.5</c:v>
                </c:pt>
                <c:pt idx="1151">
                  <c:v>24.5</c:v>
                </c:pt>
                <c:pt idx="1152">
                  <c:v>24.5</c:v>
                </c:pt>
                <c:pt idx="1153">
                  <c:v>24.5</c:v>
                </c:pt>
                <c:pt idx="1154">
                  <c:v>24.5</c:v>
                </c:pt>
                <c:pt idx="1155">
                  <c:v>24.5</c:v>
                </c:pt>
                <c:pt idx="1156">
                  <c:v>24.5</c:v>
                </c:pt>
                <c:pt idx="1157">
                  <c:v>24.5</c:v>
                </c:pt>
                <c:pt idx="1158">
                  <c:v>24.5</c:v>
                </c:pt>
                <c:pt idx="1159">
                  <c:v>24.5</c:v>
                </c:pt>
                <c:pt idx="1160">
                  <c:v>24.5</c:v>
                </c:pt>
                <c:pt idx="1161">
                  <c:v>24.5</c:v>
                </c:pt>
                <c:pt idx="1162">
                  <c:v>24.4</c:v>
                </c:pt>
                <c:pt idx="1163">
                  <c:v>24.4</c:v>
                </c:pt>
                <c:pt idx="1164">
                  <c:v>24.4</c:v>
                </c:pt>
                <c:pt idx="1165">
                  <c:v>24.4</c:v>
                </c:pt>
                <c:pt idx="1166">
                  <c:v>24.4</c:v>
                </c:pt>
                <c:pt idx="1167">
                  <c:v>24.4</c:v>
                </c:pt>
                <c:pt idx="1168">
                  <c:v>24.4</c:v>
                </c:pt>
                <c:pt idx="1169">
                  <c:v>24.4</c:v>
                </c:pt>
                <c:pt idx="1170">
                  <c:v>24.4</c:v>
                </c:pt>
                <c:pt idx="1171">
                  <c:v>24.4</c:v>
                </c:pt>
                <c:pt idx="1172">
                  <c:v>24.4</c:v>
                </c:pt>
                <c:pt idx="1173">
                  <c:v>24.4</c:v>
                </c:pt>
                <c:pt idx="1174">
                  <c:v>24.4</c:v>
                </c:pt>
                <c:pt idx="1175">
                  <c:v>24.4</c:v>
                </c:pt>
                <c:pt idx="1176">
                  <c:v>24.4</c:v>
                </c:pt>
                <c:pt idx="1177">
                  <c:v>24.4</c:v>
                </c:pt>
                <c:pt idx="1178">
                  <c:v>24.4</c:v>
                </c:pt>
                <c:pt idx="1179">
                  <c:v>24.4</c:v>
                </c:pt>
                <c:pt idx="1180">
                  <c:v>24.4</c:v>
                </c:pt>
                <c:pt idx="1181">
                  <c:v>24.4</c:v>
                </c:pt>
                <c:pt idx="1182">
                  <c:v>24.3</c:v>
                </c:pt>
                <c:pt idx="1183">
                  <c:v>24.3</c:v>
                </c:pt>
                <c:pt idx="1184">
                  <c:v>24.3</c:v>
                </c:pt>
                <c:pt idx="1185">
                  <c:v>24.3</c:v>
                </c:pt>
                <c:pt idx="1186">
                  <c:v>24.3</c:v>
                </c:pt>
                <c:pt idx="1187">
                  <c:v>24.3</c:v>
                </c:pt>
                <c:pt idx="1188">
                  <c:v>24.3</c:v>
                </c:pt>
                <c:pt idx="1189">
                  <c:v>24.3</c:v>
                </c:pt>
                <c:pt idx="1190">
                  <c:v>24.3</c:v>
                </c:pt>
                <c:pt idx="1191">
                  <c:v>24.2</c:v>
                </c:pt>
                <c:pt idx="1192">
                  <c:v>24.2</c:v>
                </c:pt>
                <c:pt idx="1193">
                  <c:v>24.2</c:v>
                </c:pt>
                <c:pt idx="1194">
                  <c:v>24.2</c:v>
                </c:pt>
                <c:pt idx="1195">
                  <c:v>24.2</c:v>
                </c:pt>
                <c:pt idx="1196">
                  <c:v>24.2</c:v>
                </c:pt>
                <c:pt idx="1197">
                  <c:v>24.3</c:v>
                </c:pt>
                <c:pt idx="1198">
                  <c:v>24.3</c:v>
                </c:pt>
                <c:pt idx="1199">
                  <c:v>24.2</c:v>
                </c:pt>
                <c:pt idx="1200">
                  <c:v>24.2</c:v>
                </c:pt>
                <c:pt idx="1201">
                  <c:v>24.2</c:v>
                </c:pt>
                <c:pt idx="1202">
                  <c:v>24.2</c:v>
                </c:pt>
                <c:pt idx="1203">
                  <c:v>24.2</c:v>
                </c:pt>
                <c:pt idx="1204">
                  <c:v>24.2</c:v>
                </c:pt>
                <c:pt idx="1205">
                  <c:v>24.2</c:v>
                </c:pt>
                <c:pt idx="1206">
                  <c:v>24.2</c:v>
                </c:pt>
                <c:pt idx="1207">
                  <c:v>24.2</c:v>
                </c:pt>
                <c:pt idx="1208">
                  <c:v>24.2</c:v>
                </c:pt>
                <c:pt idx="1209">
                  <c:v>24.2</c:v>
                </c:pt>
                <c:pt idx="1210">
                  <c:v>24.2</c:v>
                </c:pt>
                <c:pt idx="1211">
                  <c:v>24.2</c:v>
                </c:pt>
                <c:pt idx="1212">
                  <c:v>24.2</c:v>
                </c:pt>
                <c:pt idx="1213">
                  <c:v>24.2</c:v>
                </c:pt>
                <c:pt idx="1214">
                  <c:v>24.2</c:v>
                </c:pt>
                <c:pt idx="1215">
                  <c:v>24.2</c:v>
                </c:pt>
                <c:pt idx="1216">
                  <c:v>24.2</c:v>
                </c:pt>
                <c:pt idx="1217">
                  <c:v>24.2</c:v>
                </c:pt>
                <c:pt idx="1218">
                  <c:v>24.2</c:v>
                </c:pt>
                <c:pt idx="1219">
                  <c:v>24.2</c:v>
                </c:pt>
                <c:pt idx="1220">
                  <c:v>24.2</c:v>
                </c:pt>
                <c:pt idx="1221">
                  <c:v>24.2</c:v>
                </c:pt>
                <c:pt idx="1222">
                  <c:v>24.2</c:v>
                </c:pt>
                <c:pt idx="1223">
                  <c:v>24.2</c:v>
                </c:pt>
                <c:pt idx="1224">
                  <c:v>24.2</c:v>
                </c:pt>
                <c:pt idx="1225">
                  <c:v>24.3</c:v>
                </c:pt>
                <c:pt idx="1226">
                  <c:v>24.3</c:v>
                </c:pt>
                <c:pt idx="1227">
                  <c:v>24.3</c:v>
                </c:pt>
                <c:pt idx="1228">
                  <c:v>24.4</c:v>
                </c:pt>
                <c:pt idx="1229">
                  <c:v>24.4</c:v>
                </c:pt>
                <c:pt idx="1230">
                  <c:v>24.4</c:v>
                </c:pt>
                <c:pt idx="1231">
                  <c:v>24.4</c:v>
                </c:pt>
                <c:pt idx="1232">
                  <c:v>24.5</c:v>
                </c:pt>
                <c:pt idx="1233">
                  <c:v>24.5</c:v>
                </c:pt>
                <c:pt idx="1234">
                  <c:v>24.5</c:v>
                </c:pt>
                <c:pt idx="1235">
                  <c:v>24.5</c:v>
                </c:pt>
                <c:pt idx="1236">
                  <c:v>24.5</c:v>
                </c:pt>
                <c:pt idx="1237">
                  <c:v>24.5</c:v>
                </c:pt>
                <c:pt idx="1238">
                  <c:v>24.5</c:v>
                </c:pt>
                <c:pt idx="1239">
                  <c:v>24.5</c:v>
                </c:pt>
                <c:pt idx="1240">
                  <c:v>24.5</c:v>
                </c:pt>
                <c:pt idx="1241">
                  <c:v>24.4</c:v>
                </c:pt>
                <c:pt idx="1242">
                  <c:v>24.4</c:v>
                </c:pt>
                <c:pt idx="1243">
                  <c:v>24.4</c:v>
                </c:pt>
                <c:pt idx="1244">
                  <c:v>24.4</c:v>
                </c:pt>
                <c:pt idx="1245">
                  <c:v>24.4</c:v>
                </c:pt>
                <c:pt idx="1246">
                  <c:v>24.4</c:v>
                </c:pt>
                <c:pt idx="1247">
                  <c:v>24.4</c:v>
                </c:pt>
                <c:pt idx="1248">
                  <c:v>24.4</c:v>
                </c:pt>
                <c:pt idx="1249">
                  <c:v>24.4</c:v>
                </c:pt>
                <c:pt idx="1250">
                  <c:v>24.4</c:v>
                </c:pt>
                <c:pt idx="1251">
                  <c:v>24.4</c:v>
                </c:pt>
                <c:pt idx="1252">
                  <c:v>24.5</c:v>
                </c:pt>
                <c:pt idx="1253">
                  <c:v>24.4</c:v>
                </c:pt>
                <c:pt idx="1254">
                  <c:v>24.4</c:v>
                </c:pt>
                <c:pt idx="1255">
                  <c:v>24.4</c:v>
                </c:pt>
                <c:pt idx="1256">
                  <c:v>24.4</c:v>
                </c:pt>
                <c:pt idx="1257">
                  <c:v>24.4</c:v>
                </c:pt>
                <c:pt idx="1258">
                  <c:v>24.4</c:v>
                </c:pt>
                <c:pt idx="1259">
                  <c:v>24.4</c:v>
                </c:pt>
                <c:pt idx="1260">
                  <c:v>24.4</c:v>
                </c:pt>
                <c:pt idx="1261">
                  <c:v>24.4</c:v>
                </c:pt>
                <c:pt idx="1262">
                  <c:v>24.4</c:v>
                </c:pt>
                <c:pt idx="1263">
                  <c:v>24.4</c:v>
                </c:pt>
                <c:pt idx="1264">
                  <c:v>24.4</c:v>
                </c:pt>
                <c:pt idx="1265">
                  <c:v>24.4</c:v>
                </c:pt>
                <c:pt idx="1266">
                  <c:v>24.4</c:v>
                </c:pt>
                <c:pt idx="1267">
                  <c:v>24.4</c:v>
                </c:pt>
                <c:pt idx="1268">
                  <c:v>24.4</c:v>
                </c:pt>
                <c:pt idx="1269">
                  <c:v>24.4</c:v>
                </c:pt>
                <c:pt idx="1270">
                  <c:v>24.3</c:v>
                </c:pt>
                <c:pt idx="1271">
                  <c:v>24.3</c:v>
                </c:pt>
                <c:pt idx="1272">
                  <c:v>24.3</c:v>
                </c:pt>
                <c:pt idx="1273">
                  <c:v>24.3</c:v>
                </c:pt>
                <c:pt idx="1274">
                  <c:v>24.3</c:v>
                </c:pt>
                <c:pt idx="1275">
                  <c:v>24.3</c:v>
                </c:pt>
                <c:pt idx="1276">
                  <c:v>24.3</c:v>
                </c:pt>
                <c:pt idx="1277">
                  <c:v>24.2</c:v>
                </c:pt>
                <c:pt idx="1278">
                  <c:v>24.2</c:v>
                </c:pt>
                <c:pt idx="1279">
                  <c:v>24.2</c:v>
                </c:pt>
                <c:pt idx="1280">
                  <c:v>24.2</c:v>
                </c:pt>
                <c:pt idx="1281">
                  <c:v>24.2</c:v>
                </c:pt>
                <c:pt idx="1282">
                  <c:v>24.2</c:v>
                </c:pt>
                <c:pt idx="1283">
                  <c:v>24.2</c:v>
                </c:pt>
                <c:pt idx="1284">
                  <c:v>24.2</c:v>
                </c:pt>
                <c:pt idx="1285">
                  <c:v>24.2</c:v>
                </c:pt>
                <c:pt idx="1286">
                  <c:v>24.2</c:v>
                </c:pt>
                <c:pt idx="1287">
                  <c:v>24.2</c:v>
                </c:pt>
                <c:pt idx="1288">
                  <c:v>24.2</c:v>
                </c:pt>
                <c:pt idx="1289">
                  <c:v>24.2</c:v>
                </c:pt>
                <c:pt idx="1290">
                  <c:v>24.2</c:v>
                </c:pt>
                <c:pt idx="1291">
                  <c:v>24.2</c:v>
                </c:pt>
                <c:pt idx="1292">
                  <c:v>24.1</c:v>
                </c:pt>
                <c:pt idx="1293">
                  <c:v>24.1</c:v>
                </c:pt>
                <c:pt idx="1294">
                  <c:v>24.1</c:v>
                </c:pt>
                <c:pt idx="1295">
                  <c:v>24.1</c:v>
                </c:pt>
                <c:pt idx="1296">
                  <c:v>24.1</c:v>
                </c:pt>
                <c:pt idx="1297">
                  <c:v>24.1</c:v>
                </c:pt>
                <c:pt idx="1298">
                  <c:v>24.1</c:v>
                </c:pt>
                <c:pt idx="1299">
                  <c:v>24.1</c:v>
                </c:pt>
                <c:pt idx="1300">
                  <c:v>24.1</c:v>
                </c:pt>
                <c:pt idx="1301">
                  <c:v>24.1</c:v>
                </c:pt>
                <c:pt idx="1302">
                  <c:v>24.1</c:v>
                </c:pt>
                <c:pt idx="1303">
                  <c:v>24.1</c:v>
                </c:pt>
                <c:pt idx="1304">
                  <c:v>24.1</c:v>
                </c:pt>
                <c:pt idx="1305">
                  <c:v>24</c:v>
                </c:pt>
                <c:pt idx="1306">
                  <c:v>24</c:v>
                </c:pt>
                <c:pt idx="1307">
                  <c:v>24</c:v>
                </c:pt>
                <c:pt idx="1308">
                  <c:v>24</c:v>
                </c:pt>
                <c:pt idx="1309">
                  <c:v>24</c:v>
                </c:pt>
                <c:pt idx="1310">
                  <c:v>24</c:v>
                </c:pt>
                <c:pt idx="1311">
                  <c:v>24</c:v>
                </c:pt>
                <c:pt idx="1312">
                  <c:v>23.9</c:v>
                </c:pt>
                <c:pt idx="1313">
                  <c:v>23.9</c:v>
                </c:pt>
                <c:pt idx="1314">
                  <c:v>23.9</c:v>
                </c:pt>
                <c:pt idx="1315">
                  <c:v>23.9</c:v>
                </c:pt>
                <c:pt idx="1316">
                  <c:v>23.8</c:v>
                </c:pt>
                <c:pt idx="1317">
                  <c:v>23.8</c:v>
                </c:pt>
                <c:pt idx="1318">
                  <c:v>23.8</c:v>
                </c:pt>
                <c:pt idx="1319">
                  <c:v>23.8</c:v>
                </c:pt>
                <c:pt idx="1320">
                  <c:v>23.7</c:v>
                </c:pt>
                <c:pt idx="1321">
                  <c:v>23.7</c:v>
                </c:pt>
                <c:pt idx="1322">
                  <c:v>23.7</c:v>
                </c:pt>
                <c:pt idx="1323">
                  <c:v>23.7</c:v>
                </c:pt>
                <c:pt idx="1324">
                  <c:v>23.7</c:v>
                </c:pt>
                <c:pt idx="1325">
                  <c:v>23.7</c:v>
                </c:pt>
                <c:pt idx="1326">
                  <c:v>23.7</c:v>
                </c:pt>
                <c:pt idx="1327">
                  <c:v>23.7</c:v>
                </c:pt>
                <c:pt idx="1328">
                  <c:v>23.7</c:v>
                </c:pt>
                <c:pt idx="1329">
                  <c:v>23.7</c:v>
                </c:pt>
                <c:pt idx="1330">
                  <c:v>23.6</c:v>
                </c:pt>
                <c:pt idx="1331">
                  <c:v>23.6</c:v>
                </c:pt>
                <c:pt idx="1332">
                  <c:v>23.6</c:v>
                </c:pt>
                <c:pt idx="1333">
                  <c:v>23.6</c:v>
                </c:pt>
                <c:pt idx="1334">
                  <c:v>23.6</c:v>
                </c:pt>
                <c:pt idx="1335">
                  <c:v>23.6</c:v>
                </c:pt>
                <c:pt idx="1336">
                  <c:v>23.6</c:v>
                </c:pt>
                <c:pt idx="1337">
                  <c:v>23.6</c:v>
                </c:pt>
                <c:pt idx="1338">
                  <c:v>23.6</c:v>
                </c:pt>
                <c:pt idx="1339">
                  <c:v>23.6</c:v>
                </c:pt>
                <c:pt idx="1340">
                  <c:v>23.6</c:v>
                </c:pt>
                <c:pt idx="1341">
                  <c:v>23.6</c:v>
                </c:pt>
                <c:pt idx="1342">
                  <c:v>23.6</c:v>
                </c:pt>
                <c:pt idx="1343">
                  <c:v>23.6</c:v>
                </c:pt>
                <c:pt idx="1344">
                  <c:v>23.6</c:v>
                </c:pt>
                <c:pt idx="1345">
                  <c:v>23.6</c:v>
                </c:pt>
                <c:pt idx="1346">
                  <c:v>23.6</c:v>
                </c:pt>
                <c:pt idx="1347">
                  <c:v>23.6</c:v>
                </c:pt>
                <c:pt idx="1348">
                  <c:v>23.6</c:v>
                </c:pt>
                <c:pt idx="1349">
                  <c:v>23.6</c:v>
                </c:pt>
                <c:pt idx="1350">
                  <c:v>23.6</c:v>
                </c:pt>
                <c:pt idx="1351">
                  <c:v>23.6</c:v>
                </c:pt>
                <c:pt idx="1352">
                  <c:v>23.6</c:v>
                </c:pt>
                <c:pt idx="1353">
                  <c:v>23.6</c:v>
                </c:pt>
                <c:pt idx="1354">
                  <c:v>23.7</c:v>
                </c:pt>
                <c:pt idx="1355">
                  <c:v>23.7</c:v>
                </c:pt>
                <c:pt idx="1356">
                  <c:v>23.7</c:v>
                </c:pt>
                <c:pt idx="1357">
                  <c:v>23.7</c:v>
                </c:pt>
                <c:pt idx="1358">
                  <c:v>23.7</c:v>
                </c:pt>
                <c:pt idx="1359">
                  <c:v>23.7</c:v>
                </c:pt>
                <c:pt idx="1360">
                  <c:v>23.7</c:v>
                </c:pt>
                <c:pt idx="1361">
                  <c:v>23.7</c:v>
                </c:pt>
                <c:pt idx="1362">
                  <c:v>23.7</c:v>
                </c:pt>
                <c:pt idx="1363">
                  <c:v>23.7</c:v>
                </c:pt>
                <c:pt idx="1364">
                  <c:v>23.7</c:v>
                </c:pt>
                <c:pt idx="1365">
                  <c:v>23.7</c:v>
                </c:pt>
                <c:pt idx="1366">
                  <c:v>23.7</c:v>
                </c:pt>
                <c:pt idx="1367">
                  <c:v>23.7</c:v>
                </c:pt>
                <c:pt idx="1368">
                  <c:v>23.7</c:v>
                </c:pt>
                <c:pt idx="1369">
                  <c:v>23.7</c:v>
                </c:pt>
                <c:pt idx="1370">
                  <c:v>23.7</c:v>
                </c:pt>
                <c:pt idx="1371">
                  <c:v>23.7</c:v>
                </c:pt>
                <c:pt idx="1372">
                  <c:v>23.8</c:v>
                </c:pt>
                <c:pt idx="1373">
                  <c:v>23.9</c:v>
                </c:pt>
                <c:pt idx="1374">
                  <c:v>24.1</c:v>
                </c:pt>
                <c:pt idx="1375">
                  <c:v>24.2</c:v>
                </c:pt>
                <c:pt idx="1376">
                  <c:v>24.4</c:v>
                </c:pt>
                <c:pt idx="1377">
                  <c:v>24.5</c:v>
                </c:pt>
                <c:pt idx="1378">
                  <c:v>24.6</c:v>
                </c:pt>
                <c:pt idx="1379">
                  <c:v>24.7</c:v>
                </c:pt>
                <c:pt idx="1380">
                  <c:v>24.8</c:v>
                </c:pt>
                <c:pt idx="1381">
                  <c:v>24.8</c:v>
                </c:pt>
                <c:pt idx="1382">
                  <c:v>24.9</c:v>
                </c:pt>
                <c:pt idx="1383">
                  <c:v>25</c:v>
                </c:pt>
                <c:pt idx="1384">
                  <c:v>25</c:v>
                </c:pt>
                <c:pt idx="1385">
                  <c:v>25</c:v>
                </c:pt>
                <c:pt idx="1386">
                  <c:v>25</c:v>
                </c:pt>
                <c:pt idx="1387">
                  <c:v>25</c:v>
                </c:pt>
                <c:pt idx="1388">
                  <c:v>24.9</c:v>
                </c:pt>
                <c:pt idx="1389">
                  <c:v>24.9</c:v>
                </c:pt>
                <c:pt idx="1390">
                  <c:v>24.8</c:v>
                </c:pt>
                <c:pt idx="1391">
                  <c:v>24.7</c:v>
                </c:pt>
                <c:pt idx="1392">
                  <c:v>24.7</c:v>
                </c:pt>
                <c:pt idx="1393">
                  <c:v>24.6</c:v>
                </c:pt>
                <c:pt idx="1394">
                  <c:v>24.5</c:v>
                </c:pt>
                <c:pt idx="1395">
                  <c:v>24.5</c:v>
                </c:pt>
                <c:pt idx="1396">
                  <c:v>24.4</c:v>
                </c:pt>
                <c:pt idx="1397">
                  <c:v>24.3</c:v>
                </c:pt>
                <c:pt idx="1398">
                  <c:v>24.2</c:v>
                </c:pt>
                <c:pt idx="1399">
                  <c:v>24.2</c:v>
                </c:pt>
                <c:pt idx="1400">
                  <c:v>24.1</c:v>
                </c:pt>
                <c:pt idx="1401">
                  <c:v>24</c:v>
                </c:pt>
                <c:pt idx="1402">
                  <c:v>24</c:v>
                </c:pt>
                <c:pt idx="1403">
                  <c:v>24</c:v>
                </c:pt>
                <c:pt idx="1404">
                  <c:v>23.9</c:v>
                </c:pt>
                <c:pt idx="1405">
                  <c:v>23.9</c:v>
                </c:pt>
                <c:pt idx="1406">
                  <c:v>23.9</c:v>
                </c:pt>
                <c:pt idx="1407">
                  <c:v>23.8</c:v>
                </c:pt>
                <c:pt idx="1408">
                  <c:v>23.8</c:v>
                </c:pt>
                <c:pt idx="1409">
                  <c:v>23.7</c:v>
                </c:pt>
                <c:pt idx="1410">
                  <c:v>23.7</c:v>
                </c:pt>
                <c:pt idx="1411">
                  <c:v>23.6</c:v>
                </c:pt>
                <c:pt idx="1412">
                  <c:v>23.6</c:v>
                </c:pt>
                <c:pt idx="1413">
                  <c:v>23.6</c:v>
                </c:pt>
                <c:pt idx="1414">
                  <c:v>23.6</c:v>
                </c:pt>
                <c:pt idx="1415">
                  <c:v>23.5</c:v>
                </c:pt>
                <c:pt idx="1416">
                  <c:v>23.5</c:v>
                </c:pt>
                <c:pt idx="1417">
                  <c:v>23.5</c:v>
                </c:pt>
                <c:pt idx="1418">
                  <c:v>23.5</c:v>
                </c:pt>
                <c:pt idx="1419">
                  <c:v>23.5</c:v>
                </c:pt>
                <c:pt idx="1420">
                  <c:v>23.5</c:v>
                </c:pt>
                <c:pt idx="1421">
                  <c:v>23.4</c:v>
                </c:pt>
                <c:pt idx="1422">
                  <c:v>23.4</c:v>
                </c:pt>
                <c:pt idx="1423">
                  <c:v>23.4</c:v>
                </c:pt>
                <c:pt idx="1424">
                  <c:v>23.4</c:v>
                </c:pt>
                <c:pt idx="1425">
                  <c:v>23.4</c:v>
                </c:pt>
                <c:pt idx="1426">
                  <c:v>23.3</c:v>
                </c:pt>
                <c:pt idx="1427">
                  <c:v>23.3</c:v>
                </c:pt>
                <c:pt idx="1428">
                  <c:v>23.3</c:v>
                </c:pt>
                <c:pt idx="1429">
                  <c:v>23.3</c:v>
                </c:pt>
                <c:pt idx="1430">
                  <c:v>23.3</c:v>
                </c:pt>
                <c:pt idx="1431">
                  <c:v>23.3</c:v>
                </c:pt>
                <c:pt idx="1432">
                  <c:v>23.3</c:v>
                </c:pt>
                <c:pt idx="1433">
                  <c:v>23.3</c:v>
                </c:pt>
                <c:pt idx="1434">
                  <c:v>23.3</c:v>
                </c:pt>
                <c:pt idx="1435">
                  <c:v>23.3</c:v>
                </c:pt>
                <c:pt idx="1436">
                  <c:v>23.3</c:v>
                </c:pt>
                <c:pt idx="1437">
                  <c:v>23.3</c:v>
                </c:pt>
                <c:pt idx="1438">
                  <c:v>23.3</c:v>
                </c:pt>
                <c:pt idx="1439">
                  <c:v>23.3</c:v>
                </c:pt>
                <c:pt idx="1440">
                  <c:v>23.2</c:v>
                </c:pt>
                <c:pt idx="1441">
                  <c:v>23.2</c:v>
                </c:pt>
                <c:pt idx="1442">
                  <c:v>23.2</c:v>
                </c:pt>
                <c:pt idx="1443">
                  <c:v>23.2</c:v>
                </c:pt>
                <c:pt idx="1444">
                  <c:v>23.2</c:v>
                </c:pt>
                <c:pt idx="1445">
                  <c:v>23.2</c:v>
                </c:pt>
                <c:pt idx="1446">
                  <c:v>23.2</c:v>
                </c:pt>
                <c:pt idx="1447">
                  <c:v>23.2</c:v>
                </c:pt>
                <c:pt idx="1448">
                  <c:v>23.1</c:v>
                </c:pt>
                <c:pt idx="1449">
                  <c:v>23.1</c:v>
                </c:pt>
                <c:pt idx="1450">
                  <c:v>23.1</c:v>
                </c:pt>
                <c:pt idx="1451">
                  <c:v>23.1</c:v>
                </c:pt>
                <c:pt idx="1452">
                  <c:v>23.1</c:v>
                </c:pt>
                <c:pt idx="1453">
                  <c:v>23.1</c:v>
                </c:pt>
                <c:pt idx="1454">
                  <c:v>23.1</c:v>
                </c:pt>
                <c:pt idx="1455">
                  <c:v>23.1</c:v>
                </c:pt>
                <c:pt idx="1456">
                  <c:v>23.2</c:v>
                </c:pt>
                <c:pt idx="1457">
                  <c:v>23.2</c:v>
                </c:pt>
                <c:pt idx="1458">
                  <c:v>23.2</c:v>
                </c:pt>
                <c:pt idx="1459">
                  <c:v>23.2</c:v>
                </c:pt>
                <c:pt idx="1460">
                  <c:v>23.3</c:v>
                </c:pt>
                <c:pt idx="1461">
                  <c:v>23.2</c:v>
                </c:pt>
                <c:pt idx="1462">
                  <c:v>23.2</c:v>
                </c:pt>
                <c:pt idx="1463">
                  <c:v>23.2</c:v>
                </c:pt>
                <c:pt idx="1464">
                  <c:v>23.2</c:v>
                </c:pt>
                <c:pt idx="1465">
                  <c:v>23.2</c:v>
                </c:pt>
                <c:pt idx="1466">
                  <c:v>23.3</c:v>
                </c:pt>
                <c:pt idx="1467">
                  <c:v>23.3</c:v>
                </c:pt>
                <c:pt idx="1468">
                  <c:v>23.3</c:v>
                </c:pt>
                <c:pt idx="1469">
                  <c:v>23.3</c:v>
                </c:pt>
                <c:pt idx="1470">
                  <c:v>23.4</c:v>
                </c:pt>
                <c:pt idx="1471">
                  <c:v>23.4</c:v>
                </c:pt>
                <c:pt idx="1472">
                  <c:v>23.4</c:v>
                </c:pt>
                <c:pt idx="1473">
                  <c:v>23.4</c:v>
                </c:pt>
                <c:pt idx="1474">
                  <c:v>23.4</c:v>
                </c:pt>
                <c:pt idx="1475">
                  <c:v>23.4</c:v>
                </c:pt>
                <c:pt idx="1476">
                  <c:v>23.4</c:v>
                </c:pt>
                <c:pt idx="1477">
                  <c:v>23.4</c:v>
                </c:pt>
                <c:pt idx="1478">
                  <c:v>23.4</c:v>
                </c:pt>
                <c:pt idx="1479">
                  <c:v>23.5</c:v>
                </c:pt>
                <c:pt idx="1480">
                  <c:v>23.5</c:v>
                </c:pt>
                <c:pt idx="1481">
                  <c:v>23.5</c:v>
                </c:pt>
                <c:pt idx="1482">
                  <c:v>23.5</c:v>
                </c:pt>
                <c:pt idx="1483">
                  <c:v>23.5</c:v>
                </c:pt>
                <c:pt idx="1484">
                  <c:v>23.4</c:v>
                </c:pt>
                <c:pt idx="1485">
                  <c:v>23.4</c:v>
                </c:pt>
                <c:pt idx="1486">
                  <c:v>23.4</c:v>
                </c:pt>
                <c:pt idx="1487">
                  <c:v>23.4</c:v>
                </c:pt>
                <c:pt idx="1488">
                  <c:v>23.4</c:v>
                </c:pt>
                <c:pt idx="1489">
                  <c:v>23.4</c:v>
                </c:pt>
                <c:pt idx="1490">
                  <c:v>23.4</c:v>
                </c:pt>
                <c:pt idx="1491">
                  <c:v>23.4</c:v>
                </c:pt>
                <c:pt idx="1492">
                  <c:v>23.4</c:v>
                </c:pt>
                <c:pt idx="1493">
                  <c:v>23.4</c:v>
                </c:pt>
                <c:pt idx="1494">
                  <c:v>23.4</c:v>
                </c:pt>
                <c:pt idx="1495">
                  <c:v>23.4</c:v>
                </c:pt>
                <c:pt idx="1496">
                  <c:v>23.4</c:v>
                </c:pt>
                <c:pt idx="1497">
                  <c:v>23.4</c:v>
                </c:pt>
                <c:pt idx="1498">
                  <c:v>23.4</c:v>
                </c:pt>
                <c:pt idx="1499">
                  <c:v>23.3</c:v>
                </c:pt>
                <c:pt idx="1500">
                  <c:v>23.3</c:v>
                </c:pt>
                <c:pt idx="1501">
                  <c:v>23.3</c:v>
                </c:pt>
                <c:pt idx="1502">
                  <c:v>23.3</c:v>
                </c:pt>
                <c:pt idx="1503">
                  <c:v>23.3</c:v>
                </c:pt>
                <c:pt idx="1504">
                  <c:v>23.2</c:v>
                </c:pt>
                <c:pt idx="1505">
                  <c:v>23.2</c:v>
                </c:pt>
                <c:pt idx="1506">
                  <c:v>23.2</c:v>
                </c:pt>
                <c:pt idx="1507">
                  <c:v>23.2</c:v>
                </c:pt>
                <c:pt idx="1508">
                  <c:v>23.2</c:v>
                </c:pt>
                <c:pt idx="1509">
                  <c:v>23.1</c:v>
                </c:pt>
                <c:pt idx="1510">
                  <c:v>23.1</c:v>
                </c:pt>
                <c:pt idx="1511">
                  <c:v>23.1</c:v>
                </c:pt>
                <c:pt idx="1512">
                  <c:v>23.1</c:v>
                </c:pt>
                <c:pt idx="1513">
                  <c:v>23.1</c:v>
                </c:pt>
                <c:pt idx="1514">
                  <c:v>23.1</c:v>
                </c:pt>
                <c:pt idx="1515">
                  <c:v>23.1</c:v>
                </c:pt>
                <c:pt idx="1516">
                  <c:v>23.1</c:v>
                </c:pt>
                <c:pt idx="1517">
                  <c:v>23.1</c:v>
                </c:pt>
                <c:pt idx="1518">
                  <c:v>23.1</c:v>
                </c:pt>
                <c:pt idx="1519">
                  <c:v>23.1</c:v>
                </c:pt>
                <c:pt idx="1520">
                  <c:v>23</c:v>
                </c:pt>
                <c:pt idx="1521">
                  <c:v>23</c:v>
                </c:pt>
                <c:pt idx="1522">
                  <c:v>23</c:v>
                </c:pt>
                <c:pt idx="1523">
                  <c:v>23</c:v>
                </c:pt>
                <c:pt idx="1524">
                  <c:v>23</c:v>
                </c:pt>
                <c:pt idx="1525">
                  <c:v>23</c:v>
                </c:pt>
                <c:pt idx="1526">
                  <c:v>23</c:v>
                </c:pt>
                <c:pt idx="1527">
                  <c:v>23</c:v>
                </c:pt>
                <c:pt idx="1528">
                  <c:v>23</c:v>
                </c:pt>
                <c:pt idx="1529">
                  <c:v>23.1</c:v>
                </c:pt>
                <c:pt idx="1530">
                  <c:v>23.1</c:v>
                </c:pt>
                <c:pt idx="1531">
                  <c:v>23.1</c:v>
                </c:pt>
                <c:pt idx="1532">
                  <c:v>23.1</c:v>
                </c:pt>
                <c:pt idx="1533">
                  <c:v>23.1</c:v>
                </c:pt>
                <c:pt idx="1534">
                  <c:v>23.1</c:v>
                </c:pt>
                <c:pt idx="1535">
                  <c:v>23.1</c:v>
                </c:pt>
                <c:pt idx="1536">
                  <c:v>23.1</c:v>
                </c:pt>
                <c:pt idx="1537">
                  <c:v>23.1</c:v>
                </c:pt>
                <c:pt idx="1538">
                  <c:v>23.1</c:v>
                </c:pt>
                <c:pt idx="1539">
                  <c:v>23.1</c:v>
                </c:pt>
                <c:pt idx="1540">
                  <c:v>23.1</c:v>
                </c:pt>
                <c:pt idx="1541">
                  <c:v>23.1</c:v>
                </c:pt>
                <c:pt idx="1542">
                  <c:v>23</c:v>
                </c:pt>
                <c:pt idx="1543">
                  <c:v>23</c:v>
                </c:pt>
                <c:pt idx="1544">
                  <c:v>23</c:v>
                </c:pt>
                <c:pt idx="1545">
                  <c:v>23</c:v>
                </c:pt>
                <c:pt idx="1546">
                  <c:v>23</c:v>
                </c:pt>
                <c:pt idx="1547">
                  <c:v>23</c:v>
                </c:pt>
                <c:pt idx="1548">
                  <c:v>23</c:v>
                </c:pt>
                <c:pt idx="1549">
                  <c:v>23</c:v>
                </c:pt>
                <c:pt idx="1550">
                  <c:v>23</c:v>
                </c:pt>
                <c:pt idx="1551">
                  <c:v>23</c:v>
                </c:pt>
                <c:pt idx="1552">
                  <c:v>23</c:v>
                </c:pt>
                <c:pt idx="1553">
                  <c:v>23</c:v>
                </c:pt>
                <c:pt idx="1554">
                  <c:v>23</c:v>
                </c:pt>
                <c:pt idx="1555">
                  <c:v>23</c:v>
                </c:pt>
                <c:pt idx="1556">
                  <c:v>23</c:v>
                </c:pt>
                <c:pt idx="1557">
                  <c:v>23</c:v>
                </c:pt>
                <c:pt idx="1558">
                  <c:v>23</c:v>
                </c:pt>
                <c:pt idx="1559">
                  <c:v>23</c:v>
                </c:pt>
                <c:pt idx="1560">
                  <c:v>23</c:v>
                </c:pt>
                <c:pt idx="1561">
                  <c:v>23</c:v>
                </c:pt>
                <c:pt idx="1562">
                  <c:v>22.9</c:v>
                </c:pt>
                <c:pt idx="1563">
                  <c:v>22.9</c:v>
                </c:pt>
                <c:pt idx="1564">
                  <c:v>22.9</c:v>
                </c:pt>
                <c:pt idx="1565">
                  <c:v>22.9</c:v>
                </c:pt>
                <c:pt idx="1566">
                  <c:v>22.9</c:v>
                </c:pt>
                <c:pt idx="1567">
                  <c:v>22.9</c:v>
                </c:pt>
                <c:pt idx="1568">
                  <c:v>22.9</c:v>
                </c:pt>
                <c:pt idx="1569">
                  <c:v>22.9</c:v>
                </c:pt>
                <c:pt idx="1570">
                  <c:v>22.9</c:v>
                </c:pt>
                <c:pt idx="1571">
                  <c:v>22.9</c:v>
                </c:pt>
                <c:pt idx="1572">
                  <c:v>22.9</c:v>
                </c:pt>
                <c:pt idx="1573">
                  <c:v>22.9</c:v>
                </c:pt>
                <c:pt idx="1574">
                  <c:v>22.9</c:v>
                </c:pt>
                <c:pt idx="1575">
                  <c:v>22.9</c:v>
                </c:pt>
                <c:pt idx="1576">
                  <c:v>22.9</c:v>
                </c:pt>
                <c:pt idx="1577">
                  <c:v>22.9</c:v>
                </c:pt>
                <c:pt idx="1578">
                  <c:v>22.9</c:v>
                </c:pt>
                <c:pt idx="1579">
                  <c:v>22.9</c:v>
                </c:pt>
                <c:pt idx="1580">
                  <c:v>22.9</c:v>
                </c:pt>
                <c:pt idx="1581">
                  <c:v>22.9</c:v>
                </c:pt>
                <c:pt idx="1582">
                  <c:v>22.9</c:v>
                </c:pt>
                <c:pt idx="1583">
                  <c:v>22.9</c:v>
                </c:pt>
                <c:pt idx="1584">
                  <c:v>22.9</c:v>
                </c:pt>
                <c:pt idx="1585">
                  <c:v>22.9</c:v>
                </c:pt>
                <c:pt idx="1586">
                  <c:v>22.9</c:v>
                </c:pt>
                <c:pt idx="1587">
                  <c:v>22.9</c:v>
                </c:pt>
                <c:pt idx="1588">
                  <c:v>22.9</c:v>
                </c:pt>
                <c:pt idx="1589">
                  <c:v>22.9</c:v>
                </c:pt>
                <c:pt idx="1590">
                  <c:v>22.9</c:v>
                </c:pt>
                <c:pt idx="1591">
                  <c:v>22.9</c:v>
                </c:pt>
                <c:pt idx="1592">
                  <c:v>22.9</c:v>
                </c:pt>
                <c:pt idx="1593">
                  <c:v>22.9</c:v>
                </c:pt>
                <c:pt idx="1594">
                  <c:v>22.9</c:v>
                </c:pt>
                <c:pt idx="1595">
                  <c:v>22.9</c:v>
                </c:pt>
                <c:pt idx="1596">
                  <c:v>22.9</c:v>
                </c:pt>
                <c:pt idx="1597">
                  <c:v>22.9</c:v>
                </c:pt>
                <c:pt idx="1598">
                  <c:v>22.9</c:v>
                </c:pt>
                <c:pt idx="1599">
                  <c:v>22.9</c:v>
                </c:pt>
                <c:pt idx="1600">
                  <c:v>22.9</c:v>
                </c:pt>
                <c:pt idx="1601">
                  <c:v>22.9</c:v>
                </c:pt>
                <c:pt idx="1602">
                  <c:v>22.9</c:v>
                </c:pt>
                <c:pt idx="1603">
                  <c:v>22.9</c:v>
                </c:pt>
                <c:pt idx="1604">
                  <c:v>23</c:v>
                </c:pt>
                <c:pt idx="1605">
                  <c:v>23</c:v>
                </c:pt>
                <c:pt idx="1606">
                  <c:v>23</c:v>
                </c:pt>
                <c:pt idx="1607">
                  <c:v>23</c:v>
                </c:pt>
                <c:pt idx="1608">
                  <c:v>23</c:v>
                </c:pt>
                <c:pt idx="1609">
                  <c:v>23</c:v>
                </c:pt>
                <c:pt idx="1610">
                  <c:v>23</c:v>
                </c:pt>
                <c:pt idx="1611">
                  <c:v>23</c:v>
                </c:pt>
                <c:pt idx="1612">
                  <c:v>23</c:v>
                </c:pt>
                <c:pt idx="1613">
                  <c:v>23</c:v>
                </c:pt>
                <c:pt idx="1614">
                  <c:v>23</c:v>
                </c:pt>
                <c:pt idx="1615">
                  <c:v>23</c:v>
                </c:pt>
                <c:pt idx="1616">
                  <c:v>23</c:v>
                </c:pt>
                <c:pt idx="1617">
                  <c:v>23</c:v>
                </c:pt>
                <c:pt idx="1618">
                  <c:v>23</c:v>
                </c:pt>
                <c:pt idx="1619">
                  <c:v>22.9</c:v>
                </c:pt>
                <c:pt idx="1620">
                  <c:v>22.9</c:v>
                </c:pt>
                <c:pt idx="1621">
                  <c:v>22.9</c:v>
                </c:pt>
                <c:pt idx="1622">
                  <c:v>22.9</c:v>
                </c:pt>
                <c:pt idx="1623">
                  <c:v>22.9</c:v>
                </c:pt>
                <c:pt idx="1624">
                  <c:v>22.9</c:v>
                </c:pt>
                <c:pt idx="1625">
                  <c:v>22.9</c:v>
                </c:pt>
                <c:pt idx="1626">
                  <c:v>22.9</c:v>
                </c:pt>
                <c:pt idx="1627">
                  <c:v>22.9</c:v>
                </c:pt>
                <c:pt idx="1628">
                  <c:v>22.9</c:v>
                </c:pt>
                <c:pt idx="1629">
                  <c:v>22.9</c:v>
                </c:pt>
                <c:pt idx="1630">
                  <c:v>22.9</c:v>
                </c:pt>
                <c:pt idx="1631">
                  <c:v>22.9</c:v>
                </c:pt>
                <c:pt idx="1632">
                  <c:v>22.9</c:v>
                </c:pt>
                <c:pt idx="1633">
                  <c:v>22.9</c:v>
                </c:pt>
                <c:pt idx="1634">
                  <c:v>22.9</c:v>
                </c:pt>
                <c:pt idx="1635">
                  <c:v>22.9</c:v>
                </c:pt>
                <c:pt idx="1636">
                  <c:v>22.9</c:v>
                </c:pt>
                <c:pt idx="1637">
                  <c:v>22.9</c:v>
                </c:pt>
                <c:pt idx="1638">
                  <c:v>22.9</c:v>
                </c:pt>
                <c:pt idx="1639">
                  <c:v>22.9</c:v>
                </c:pt>
                <c:pt idx="1640">
                  <c:v>22.9</c:v>
                </c:pt>
                <c:pt idx="1641">
                  <c:v>22.9</c:v>
                </c:pt>
                <c:pt idx="1642">
                  <c:v>22.9</c:v>
                </c:pt>
                <c:pt idx="1643">
                  <c:v>22.9</c:v>
                </c:pt>
                <c:pt idx="1644">
                  <c:v>22.9</c:v>
                </c:pt>
                <c:pt idx="1645">
                  <c:v>22.9</c:v>
                </c:pt>
                <c:pt idx="1646">
                  <c:v>22.9</c:v>
                </c:pt>
                <c:pt idx="1647">
                  <c:v>22.9</c:v>
                </c:pt>
                <c:pt idx="1648">
                  <c:v>22.9</c:v>
                </c:pt>
                <c:pt idx="1649">
                  <c:v>22.9</c:v>
                </c:pt>
                <c:pt idx="1650">
                  <c:v>22.9</c:v>
                </c:pt>
                <c:pt idx="1651">
                  <c:v>22.9</c:v>
                </c:pt>
                <c:pt idx="1652">
                  <c:v>22.9</c:v>
                </c:pt>
                <c:pt idx="1653">
                  <c:v>22.9</c:v>
                </c:pt>
                <c:pt idx="1654">
                  <c:v>22.9</c:v>
                </c:pt>
                <c:pt idx="1655">
                  <c:v>22.9</c:v>
                </c:pt>
                <c:pt idx="1656">
                  <c:v>22.9</c:v>
                </c:pt>
                <c:pt idx="1657">
                  <c:v>22.9</c:v>
                </c:pt>
                <c:pt idx="1658">
                  <c:v>22.8</c:v>
                </c:pt>
                <c:pt idx="1659">
                  <c:v>22.8</c:v>
                </c:pt>
                <c:pt idx="1660">
                  <c:v>22.8</c:v>
                </c:pt>
                <c:pt idx="1661">
                  <c:v>22.8</c:v>
                </c:pt>
                <c:pt idx="1662">
                  <c:v>22.8</c:v>
                </c:pt>
                <c:pt idx="1663">
                  <c:v>22.8</c:v>
                </c:pt>
                <c:pt idx="1664">
                  <c:v>22.8</c:v>
                </c:pt>
                <c:pt idx="1665">
                  <c:v>22.8</c:v>
                </c:pt>
                <c:pt idx="1666">
                  <c:v>22.8</c:v>
                </c:pt>
                <c:pt idx="1667">
                  <c:v>22.8</c:v>
                </c:pt>
                <c:pt idx="1668">
                  <c:v>22.8</c:v>
                </c:pt>
                <c:pt idx="1669">
                  <c:v>22.8</c:v>
                </c:pt>
                <c:pt idx="1670">
                  <c:v>22.8</c:v>
                </c:pt>
                <c:pt idx="1671">
                  <c:v>22.8</c:v>
                </c:pt>
                <c:pt idx="1672">
                  <c:v>22.8</c:v>
                </c:pt>
                <c:pt idx="1673">
                  <c:v>22.7</c:v>
                </c:pt>
                <c:pt idx="1674">
                  <c:v>22.7</c:v>
                </c:pt>
                <c:pt idx="1675">
                  <c:v>22.7</c:v>
                </c:pt>
                <c:pt idx="1676">
                  <c:v>22.7</c:v>
                </c:pt>
                <c:pt idx="1677">
                  <c:v>22.7</c:v>
                </c:pt>
                <c:pt idx="1678">
                  <c:v>22.7</c:v>
                </c:pt>
                <c:pt idx="1679">
                  <c:v>22.8</c:v>
                </c:pt>
                <c:pt idx="1680">
                  <c:v>22.8</c:v>
                </c:pt>
                <c:pt idx="1681">
                  <c:v>22.8</c:v>
                </c:pt>
                <c:pt idx="1682">
                  <c:v>22.7</c:v>
                </c:pt>
                <c:pt idx="1683">
                  <c:v>22.7</c:v>
                </c:pt>
                <c:pt idx="1684">
                  <c:v>22.7</c:v>
                </c:pt>
                <c:pt idx="1685">
                  <c:v>22.7</c:v>
                </c:pt>
                <c:pt idx="1686">
                  <c:v>22.7</c:v>
                </c:pt>
                <c:pt idx="1687">
                  <c:v>22.7</c:v>
                </c:pt>
                <c:pt idx="1688">
                  <c:v>22.8</c:v>
                </c:pt>
                <c:pt idx="1689">
                  <c:v>22.8</c:v>
                </c:pt>
                <c:pt idx="1690">
                  <c:v>22.8</c:v>
                </c:pt>
                <c:pt idx="1691">
                  <c:v>22.8</c:v>
                </c:pt>
                <c:pt idx="1692">
                  <c:v>22.8</c:v>
                </c:pt>
                <c:pt idx="1693">
                  <c:v>22.8</c:v>
                </c:pt>
                <c:pt idx="1694">
                  <c:v>22.8</c:v>
                </c:pt>
                <c:pt idx="1695">
                  <c:v>22.8</c:v>
                </c:pt>
                <c:pt idx="1696">
                  <c:v>22.8</c:v>
                </c:pt>
                <c:pt idx="1697">
                  <c:v>22.8</c:v>
                </c:pt>
                <c:pt idx="1698">
                  <c:v>22.8</c:v>
                </c:pt>
                <c:pt idx="1699">
                  <c:v>22.8</c:v>
                </c:pt>
                <c:pt idx="1700">
                  <c:v>22.8</c:v>
                </c:pt>
                <c:pt idx="1701">
                  <c:v>22.8</c:v>
                </c:pt>
                <c:pt idx="1702">
                  <c:v>22.8</c:v>
                </c:pt>
                <c:pt idx="1703">
                  <c:v>22.8</c:v>
                </c:pt>
                <c:pt idx="1704">
                  <c:v>22.8</c:v>
                </c:pt>
                <c:pt idx="1705">
                  <c:v>22.8</c:v>
                </c:pt>
                <c:pt idx="1706">
                  <c:v>22.8</c:v>
                </c:pt>
                <c:pt idx="1707">
                  <c:v>22.8</c:v>
                </c:pt>
                <c:pt idx="1708">
                  <c:v>22.8</c:v>
                </c:pt>
                <c:pt idx="1709">
                  <c:v>22.8</c:v>
                </c:pt>
                <c:pt idx="1710">
                  <c:v>22.8</c:v>
                </c:pt>
                <c:pt idx="1711">
                  <c:v>22.8</c:v>
                </c:pt>
                <c:pt idx="1712">
                  <c:v>22.8</c:v>
                </c:pt>
                <c:pt idx="1713">
                  <c:v>22.8</c:v>
                </c:pt>
                <c:pt idx="1714">
                  <c:v>22.8</c:v>
                </c:pt>
                <c:pt idx="1715">
                  <c:v>22.8</c:v>
                </c:pt>
                <c:pt idx="1716">
                  <c:v>22.8</c:v>
                </c:pt>
                <c:pt idx="1717">
                  <c:v>22.8</c:v>
                </c:pt>
                <c:pt idx="1718">
                  <c:v>22.8</c:v>
                </c:pt>
                <c:pt idx="1719">
                  <c:v>22.8</c:v>
                </c:pt>
                <c:pt idx="1720">
                  <c:v>22.8</c:v>
                </c:pt>
                <c:pt idx="1721">
                  <c:v>22.8</c:v>
                </c:pt>
                <c:pt idx="1722">
                  <c:v>22.8</c:v>
                </c:pt>
                <c:pt idx="1723">
                  <c:v>22.8</c:v>
                </c:pt>
                <c:pt idx="1724">
                  <c:v>22.8</c:v>
                </c:pt>
                <c:pt idx="1725">
                  <c:v>22.8</c:v>
                </c:pt>
                <c:pt idx="1726">
                  <c:v>22.8</c:v>
                </c:pt>
                <c:pt idx="1727">
                  <c:v>22.8</c:v>
                </c:pt>
                <c:pt idx="1728">
                  <c:v>22.7</c:v>
                </c:pt>
                <c:pt idx="1729">
                  <c:v>22.7</c:v>
                </c:pt>
                <c:pt idx="1730">
                  <c:v>22.7</c:v>
                </c:pt>
                <c:pt idx="1731">
                  <c:v>22.7</c:v>
                </c:pt>
                <c:pt idx="1732">
                  <c:v>22.7</c:v>
                </c:pt>
                <c:pt idx="1733">
                  <c:v>22.7</c:v>
                </c:pt>
                <c:pt idx="1734">
                  <c:v>22.7</c:v>
                </c:pt>
                <c:pt idx="1735">
                  <c:v>22.7</c:v>
                </c:pt>
                <c:pt idx="1736">
                  <c:v>22.7</c:v>
                </c:pt>
                <c:pt idx="1737">
                  <c:v>22.7</c:v>
                </c:pt>
                <c:pt idx="1738">
                  <c:v>22.7</c:v>
                </c:pt>
                <c:pt idx="1739">
                  <c:v>22.7</c:v>
                </c:pt>
                <c:pt idx="1740">
                  <c:v>22.7</c:v>
                </c:pt>
                <c:pt idx="1741">
                  <c:v>22.7</c:v>
                </c:pt>
                <c:pt idx="1742">
                  <c:v>22.7</c:v>
                </c:pt>
                <c:pt idx="1743">
                  <c:v>22.7</c:v>
                </c:pt>
                <c:pt idx="1744">
                  <c:v>22.7</c:v>
                </c:pt>
                <c:pt idx="1745">
                  <c:v>22.7</c:v>
                </c:pt>
                <c:pt idx="1746">
                  <c:v>22.7</c:v>
                </c:pt>
                <c:pt idx="1747">
                  <c:v>22.7</c:v>
                </c:pt>
                <c:pt idx="1748">
                  <c:v>22.7</c:v>
                </c:pt>
                <c:pt idx="1749">
                  <c:v>22.7</c:v>
                </c:pt>
                <c:pt idx="1750">
                  <c:v>22.6</c:v>
                </c:pt>
                <c:pt idx="1751">
                  <c:v>22.6</c:v>
                </c:pt>
                <c:pt idx="1752">
                  <c:v>22.6</c:v>
                </c:pt>
                <c:pt idx="1753">
                  <c:v>22.6</c:v>
                </c:pt>
                <c:pt idx="1754">
                  <c:v>22.6</c:v>
                </c:pt>
                <c:pt idx="1755">
                  <c:v>22.6</c:v>
                </c:pt>
                <c:pt idx="1756">
                  <c:v>22.7</c:v>
                </c:pt>
                <c:pt idx="1757">
                  <c:v>22.7</c:v>
                </c:pt>
                <c:pt idx="1758">
                  <c:v>22.7</c:v>
                </c:pt>
                <c:pt idx="1759">
                  <c:v>22.7</c:v>
                </c:pt>
                <c:pt idx="1760">
                  <c:v>22.7</c:v>
                </c:pt>
                <c:pt idx="1761">
                  <c:v>22.7</c:v>
                </c:pt>
                <c:pt idx="1762">
                  <c:v>22.6</c:v>
                </c:pt>
                <c:pt idx="1763">
                  <c:v>22.6</c:v>
                </c:pt>
                <c:pt idx="1764">
                  <c:v>22.6</c:v>
                </c:pt>
                <c:pt idx="1765">
                  <c:v>22.6</c:v>
                </c:pt>
                <c:pt idx="1766">
                  <c:v>22.6</c:v>
                </c:pt>
                <c:pt idx="1767">
                  <c:v>22.6</c:v>
                </c:pt>
                <c:pt idx="1768">
                  <c:v>22.6</c:v>
                </c:pt>
                <c:pt idx="1769">
                  <c:v>22.6</c:v>
                </c:pt>
                <c:pt idx="1770">
                  <c:v>22.7</c:v>
                </c:pt>
                <c:pt idx="1771">
                  <c:v>22.7</c:v>
                </c:pt>
                <c:pt idx="1772">
                  <c:v>22.7</c:v>
                </c:pt>
                <c:pt idx="1773">
                  <c:v>22.7</c:v>
                </c:pt>
                <c:pt idx="1774">
                  <c:v>22.7</c:v>
                </c:pt>
                <c:pt idx="1775">
                  <c:v>22.7</c:v>
                </c:pt>
                <c:pt idx="1776">
                  <c:v>22.7</c:v>
                </c:pt>
                <c:pt idx="1777">
                  <c:v>22.7</c:v>
                </c:pt>
                <c:pt idx="1778">
                  <c:v>22.7</c:v>
                </c:pt>
                <c:pt idx="1779">
                  <c:v>22.7</c:v>
                </c:pt>
                <c:pt idx="1780">
                  <c:v>22.7</c:v>
                </c:pt>
                <c:pt idx="1781">
                  <c:v>22.7</c:v>
                </c:pt>
                <c:pt idx="1782">
                  <c:v>22.7</c:v>
                </c:pt>
                <c:pt idx="1783">
                  <c:v>22.7</c:v>
                </c:pt>
                <c:pt idx="1784">
                  <c:v>22.7</c:v>
                </c:pt>
                <c:pt idx="1785">
                  <c:v>22.7</c:v>
                </c:pt>
                <c:pt idx="1786">
                  <c:v>22.7</c:v>
                </c:pt>
                <c:pt idx="1787">
                  <c:v>22.7</c:v>
                </c:pt>
                <c:pt idx="1788">
                  <c:v>22.7</c:v>
                </c:pt>
                <c:pt idx="1789">
                  <c:v>22.7</c:v>
                </c:pt>
                <c:pt idx="1790">
                  <c:v>22.7</c:v>
                </c:pt>
                <c:pt idx="1791">
                  <c:v>22.7</c:v>
                </c:pt>
                <c:pt idx="1792">
                  <c:v>22.7</c:v>
                </c:pt>
                <c:pt idx="1793">
                  <c:v>22.7</c:v>
                </c:pt>
                <c:pt idx="1794">
                  <c:v>22.7</c:v>
                </c:pt>
                <c:pt idx="1795">
                  <c:v>22.6</c:v>
                </c:pt>
                <c:pt idx="1796">
                  <c:v>22.6</c:v>
                </c:pt>
                <c:pt idx="1797">
                  <c:v>22.6</c:v>
                </c:pt>
                <c:pt idx="1798">
                  <c:v>22.6</c:v>
                </c:pt>
                <c:pt idx="1799">
                  <c:v>22.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68D-49E3-B4BB-E1BED8BD9706}"/>
            </c:ext>
          </c:extLst>
        </c:ser>
        <c:ser>
          <c:idx val="1"/>
          <c:order val="1"/>
          <c:tx>
            <c:strRef>
              <c:f>'30Inside'!$E$1</c:f>
              <c:strCache>
                <c:ptCount val="1"/>
                <c:pt idx="0">
                  <c:v>soilHUM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'30Inside'!$A$2:$A$1801</c:f>
              <c:numCache>
                <c:formatCode>General</c:formatCode>
                <c:ptCount val="1800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1</c:v>
                </c:pt>
                <c:pt idx="1002">
                  <c:v>1002</c:v>
                </c:pt>
                <c:pt idx="1003">
                  <c:v>1003</c:v>
                </c:pt>
                <c:pt idx="1004">
                  <c:v>1004</c:v>
                </c:pt>
                <c:pt idx="1005">
                  <c:v>1005</c:v>
                </c:pt>
                <c:pt idx="1006">
                  <c:v>1006</c:v>
                </c:pt>
                <c:pt idx="1007">
                  <c:v>1007</c:v>
                </c:pt>
                <c:pt idx="1008">
                  <c:v>1008</c:v>
                </c:pt>
                <c:pt idx="1009">
                  <c:v>1009</c:v>
                </c:pt>
                <c:pt idx="1010">
                  <c:v>1010</c:v>
                </c:pt>
                <c:pt idx="1011">
                  <c:v>1011</c:v>
                </c:pt>
                <c:pt idx="1012">
                  <c:v>1012</c:v>
                </c:pt>
                <c:pt idx="1013">
                  <c:v>1013</c:v>
                </c:pt>
                <c:pt idx="1014">
                  <c:v>1014</c:v>
                </c:pt>
                <c:pt idx="1015">
                  <c:v>1015</c:v>
                </c:pt>
                <c:pt idx="1016">
                  <c:v>1016</c:v>
                </c:pt>
                <c:pt idx="1017">
                  <c:v>1017</c:v>
                </c:pt>
                <c:pt idx="1018">
                  <c:v>1018</c:v>
                </c:pt>
                <c:pt idx="1019">
                  <c:v>1019</c:v>
                </c:pt>
                <c:pt idx="1020">
                  <c:v>1020</c:v>
                </c:pt>
                <c:pt idx="1021">
                  <c:v>1021</c:v>
                </c:pt>
                <c:pt idx="1022">
                  <c:v>1022</c:v>
                </c:pt>
                <c:pt idx="1023">
                  <c:v>1023</c:v>
                </c:pt>
                <c:pt idx="1024">
                  <c:v>1024</c:v>
                </c:pt>
                <c:pt idx="1025">
                  <c:v>1025</c:v>
                </c:pt>
                <c:pt idx="1026">
                  <c:v>1026</c:v>
                </c:pt>
                <c:pt idx="1027">
                  <c:v>1027</c:v>
                </c:pt>
                <c:pt idx="1028">
                  <c:v>1028</c:v>
                </c:pt>
                <c:pt idx="1029">
                  <c:v>1029</c:v>
                </c:pt>
                <c:pt idx="1030">
                  <c:v>1030</c:v>
                </c:pt>
                <c:pt idx="1031">
                  <c:v>1031</c:v>
                </c:pt>
                <c:pt idx="1032">
                  <c:v>1032</c:v>
                </c:pt>
                <c:pt idx="1033">
                  <c:v>1033</c:v>
                </c:pt>
                <c:pt idx="1034">
                  <c:v>1034</c:v>
                </c:pt>
                <c:pt idx="1035">
                  <c:v>1035</c:v>
                </c:pt>
                <c:pt idx="1036">
                  <c:v>1036</c:v>
                </c:pt>
                <c:pt idx="1037">
                  <c:v>1037</c:v>
                </c:pt>
                <c:pt idx="1038">
                  <c:v>1038</c:v>
                </c:pt>
                <c:pt idx="1039">
                  <c:v>1039</c:v>
                </c:pt>
                <c:pt idx="1040">
                  <c:v>1040</c:v>
                </c:pt>
                <c:pt idx="1041">
                  <c:v>1041</c:v>
                </c:pt>
                <c:pt idx="1042">
                  <c:v>1042</c:v>
                </c:pt>
                <c:pt idx="1043">
                  <c:v>1043</c:v>
                </c:pt>
                <c:pt idx="1044">
                  <c:v>1044</c:v>
                </c:pt>
                <c:pt idx="1045">
                  <c:v>1045</c:v>
                </c:pt>
                <c:pt idx="1046">
                  <c:v>1046</c:v>
                </c:pt>
                <c:pt idx="1047">
                  <c:v>1047</c:v>
                </c:pt>
                <c:pt idx="1048">
                  <c:v>1048</c:v>
                </c:pt>
                <c:pt idx="1049">
                  <c:v>1049</c:v>
                </c:pt>
                <c:pt idx="1050">
                  <c:v>1050</c:v>
                </c:pt>
                <c:pt idx="1051">
                  <c:v>1051</c:v>
                </c:pt>
                <c:pt idx="1052">
                  <c:v>1052</c:v>
                </c:pt>
                <c:pt idx="1053">
                  <c:v>1053</c:v>
                </c:pt>
                <c:pt idx="1054">
                  <c:v>1054</c:v>
                </c:pt>
                <c:pt idx="1055">
                  <c:v>1055</c:v>
                </c:pt>
                <c:pt idx="1056">
                  <c:v>1056</c:v>
                </c:pt>
                <c:pt idx="1057">
                  <c:v>1057</c:v>
                </c:pt>
                <c:pt idx="1058">
                  <c:v>1058</c:v>
                </c:pt>
                <c:pt idx="1059">
                  <c:v>1059</c:v>
                </c:pt>
                <c:pt idx="1060">
                  <c:v>1060</c:v>
                </c:pt>
                <c:pt idx="1061">
                  <c:v>1061</c:v>
                </c:pt>
                <c:pt idx="1062">
                  <c:v>1062</c:v>
                </c:pt>
                <c:pt idx="1063">
                  <c:v>1063</c:v>
                </c:pt>
                <c:pt idx="1064">
                  <c:v>1064</c:v>
                </c:pt>
                <c:pt idx="1065">
                  <c:v>1065</c:v>
                </c:pt>
                <c:pt idx="1066">
                  <c:v>1066</c:v>
                </c:pt>
                <c:pt idx="1067">
                  <c:v>1067</c:v>
                </c:pt>
                <c:pt idx="1068">
                  <c:v>1068</c:v>
                </c:pt>
                <c:pt idx="1069">
                  <c:v>1069</c:v>
                </c:pt>
                <c:pt idx="1070">
                  <c:v>1070</c:v>
                </c:pt>
                <c:pt idx="1071">
                  <c:v>1071</c:v>
                </c:pt>
                <c:pt idx="1072">
                  <c:v>1072</c:v>
                </c:pt>
                <c:pt idx="1073">
                  <c:v>1073</c:v>
                </c:pt>
                <c:pt idx="1074">
                  <c:v>1074</c:v>
                </c:pt>
                <c:pt idx="1075">
                  <c:v>1075</c:v>
                </c:pt>
                <c:pt idx="1076">
                  <c:v>1076</c:v>
                </c:pt>
                <c:pt idx="1077">
                  <c:v>1077</c:v>
                </c:pt>
                <c:pt idx="1078">
                  <c:v>1078</c:v>
                </c:pt>
                <c:pt idx="1079">
                  <c:v>1079</c:v>
                </c:pt>
                <c:pt idx="1080">
                  <c:v>1080</c:v>
                </c:pt>
                <c:pt idx="1081">
                  <c:v>1081</c:v>
                </c:pt>
                <c:pt idx="1082">
                  <c:v>1082</c:v>
                </c:pt>
                <c:pt idx="1083">
                  <c:v>1083</c:v>
                </c:pt>
                <c:pt idx="1084">
                  <c:v>1084</c:v>
                </c:pt>
                <c:pt idx="1085">
                  <c:v>1085</c:v>
                </c:pt>
                <c:pt idx="1086">
                  <c:v>1086</c:v>
                </c:pt>
                <c:pt idx="1087">
                  <c:v>1087</c:v>
                </c:pt>
                <c:pt idx="1088">
                  <c:v>1088</c:v>
                </c:pt>
                <c:pt idx="1089">
                  <c:v>1089</c:v>
                </c:pt>
                <c:pt idx="1090">
                  <c:v>1090</c:v>
                </c:pt>
                <c:pt idx="1091">
                  <c:v>1091</c:v>
                </c:pt>
                <c:pt idx="1092">
                  <c:v>1092</c:v>
                </c:pt>
                <c:pt idx="1093">
                  <c:v>1093</c:v>
                </c:pt>
                <c:pt idx="1094">
                  <c:v>1094</c:v>
                </c:pt>
                <c:pt idx="1095">
                  <c:v>1095</c:v>
                </c:pt>
                <c:pt idx="1096">
                  <c:v>1096</c:v>
                </c:pt>
                <c:pt idx="1097">
                  <c:v>1097</c:v>
                </c:pt>
                <c:pt idx="1098">
                  <c:v>1098</c:v>
                </c:pt>
                <c:pt idx="1099">
                  <c:v>1099</c:v>
                </c:pt>
                <c:pt idx="1100">
                  <c:v>1100</c:v>
                </c:pt>
                <c:pt idx="1101">
                  <c:v>1101</c:v>
                </c:pt>
                <c:pt idx="1102">
                  <c:v>1102</c:v>
                </c:pt>
                <c:pt idx="1103">
                  <c:v>1103</c:v>
                </c:pt>
                <c:pt idx="1104">
                  <c:v>1104</c:v>
                </c:pt>
                <c:pt idx="1105">
                  <c:v>1105</c:v>
                </c:pt>
                <c:pt idx="1106">
                  <c:v>1106</c:v>
                </c:pt>
                <c:pt idx="1107">
                  <c:v>1107</c:v>
                </c:pt>
                <c:pt idx="1108">
                  <c:v>1108</c:v>
                </c:pt>
                <c:pt idx="1109">
                  <c:v>1109</c:v>
                </c:pt>
                <c:pt idx="1110">
                  <c:v>1110</c:v>
                </c:pt>
                <c:pt idx="1111">
                  <c:v>1111</c:v>
                </c:pt>
                <c:pt idx="1112">
                  <c:v>1112</c:v>
                </c:pt>
                <c:pt idx="1113">
                  <c:v>1113</c:v>
                </c:pt>
                <c:pt idx="1114">
                  <c:v>1114</c:v>
                </c:pt>
                <c:pt idx="1115">
                  <c:v>1115</c:v>
                </c:pt>
                <c:pt idx="1116">
                  <c:v>1116</c:v>
                </c:pt>
                <c:pt idx="1117">
                  <c:v>1117</c:v>
                </c:pt>
                <c:pt idx="1118">
                  <c:v>1118</c:v>
                </c:pt>
                <c:pt idx="1119">
                  <c:v>1119</c:v>
                </c:pt>
                <c:pt idx="1120">
                  <c:v>1120</c:v>
                </c:pt>
                <c:pt idx="1121">
                  <c:v>1121</c:v>
                </c:pt>
                <c:pt idx="1122">
                  <c:v>1122</c:v>
                </c:pt>
                <c:pt idx="1123">
                  <c:v>1123</c:v>
                </c:pt>
                <c:pt idx="1124">
                  <c:v>1124</c:v>
                </c:pt>
                <c:pt idx="1125">
                  <c:v>1125</c:v>
                </c:pt>
                <c:pt idx="1126">
                  <c:v>1126</c:v>
                </c:pt>
                <c:pt idx="1127">
                  <c:v>1127</c:v>
                </c:pt>
                <c:pt idx="1128">
                  <c:v>1128</c:v>
                </c:pt>
                <c:pt idx="1129">
                  <c:v>1129</c:v>
                </c:pt>
                <c:pt idx="1130">
                  <c:v>1130</c:v>
                </c:pt>
                <c:pt idx="1131">
                  <c:v>1131</c:v>
                </c:pt>
                <c:pt idx="1132">
                  <c:v>1132</c:v>
                </c:pt>
                <c:pt idx="1133">
                  <c:v>1133</c:v>
                </c:pt>
                <c:pt idx="1134">
                  <c:v>1134</c:v>
                </c:pt>
                <c:pt idx="1135">
                  <c:v>1135</c:v>
                </c:pt>
                <c:pt idx="1136">
                  <c:v>1136</c:v>
                </c:pt>
                <c:pt idx="1137">
                  <c:v>1137</c:v>
                </c:pt>
                <c:pt idx="1138">
                  <c:v>1138</c:v>
                </c:pt>
                <c:pt idx="1139">
                  <c:v>1139</c:v>
                </c:pt>
                <c:pt idx="1140">
                  <c:v>1140</c:v>
                </c:pt>
                <c:pt idx="1141">
                  <c:v>1141</c:v>
                </c:pt>
                <c:pt idx="1142">
                  <c:v>1142</c:v>
                </c:pt>
                <c:pt idx="1143">
                  <c:v>1143</c:v>
                </c:pt>
                <c:pt idx="1144">
                  <c:v>1144</c:v>
                </c:pt>
                <c:pt idx="1145">
                  <c:v>1145</c:v>
                </c:pt>
                <c:pt idx="1146">
                  <c:v>1146</c:v>
                </c:pt>
                <c:pt idx="1147">
                  <c:v>1147</c:v>
                </c:pt>
                <c:pt idx="1148">
                  <c:v>1148</c:v>
                </c:pt>
                <c:pt idx="1149">
                  <c:v>1149</c:v>
                </c:pt>
                <c:pt idx="1150">
                  <c:v>1150</c:v>
                </c:pt>
                <c:pt idx="1151">
                  <c:v>1151</c:v>
                </c:pt>
                <c:pt idx="1152">
                  <c:v>1152</c:v>
                </c:pt>
                <c:pt idx="1153">
                  <c:v>1153</c:v>
                </c:pt>
                <c:pt idx="1154">
                  <c:v>1154</c:v>
                </c:pt>
                <c:pt idx="1155">
                  <c:v>1155</c:v>
                </c:pt>
                <c:pt idx="1156">
                  <c:v>1156</c:v>
                </c:pt>
                <c:pt idx="1157">
                  <c:v>1157</c:v>
                </c:pt>
                <c:pt idx="1158">
                  <c:v>1158</c:v>
                </c:pt>
                <c:pt idx="1159">
                  <c:v>1159</c:v>
                </c:pt>
                <c:pt idx="1160">
                  <c:v>1160</c:v>
                </c:pt>
                <c:pt idx="1161">
                  <c:v>1161</c:v>
                </c:pt>
                <c:pt idx="1162">
                  <c:v>1162</c:v>
                </c:pt>
                <c:pt idx="1163">
                  <c:v>1163</c:v>
                </c:pt>
                <c:pt idx="1164">
                  <c:v>1164</c:v>
                </c:pt>
                <c:pt idx="1165">
                  <c:v>1165</c:v>
                </c:pt>
                <c:pt idx="1166">
                  <c:v>1166</c:v>
                </c:pt>
                <c:pt idx="1167">
                  <c:v>1167</c:v>
                </c:pt>
                <c:pt idx="1168">
                  <c:v>1168</c:v>
                </c:pt>
                <c:pt idx="1169">
                  <c:v>1169</c:v>
                </c:pt>
                <c:pt idx="1170">
                  <c:v>1170</c:v>
                </c:pt>
                <c:pt idx="1171">
                  <c:v>1171</c:v>
                </c:pt>
                <c:pt idx="1172">
                  <c:v>1172</c:v>
                </c:pt>
                <c:pt idx="1173">
                  <c:v>1173</c:v>
                </c:pt>
                <c:pt idx="1174">
                  <c:v>1174</c:v>
                </c:pt>
                <c:pt idx="1175">
                  <c:v>1175</c:v>
                </c:pt>
                <c:pt idx="1176">
                  <c:v>1176</c:v>
                </c:pt>
                <c:pt idx="1177">
                  <c:v>1177</c:v>
                </c:pt>
                <c:pt idx="1178">
                  <c:v>1178</c:v>
                </c:pt>
                <c:pt idx="1179">
                  <c:v>1179</c:v>
                </c:pt>
                <c:pt idx="1180">
                  <c:v>1180</c:v>
                </c:pt>
                <c:pt idx="1181">
                  <c:v>1181</c:v>
                </c:pt>
                <c:pt idx="1182">
                  <c:v>1182</c:v>
                </c:pt>
                <c:pt idx="1183">
                  <c:v>1183</c:v>
                </c:pt>
                <c:pt idx="1184">
                  <c:v>1184</c:v>
                </c:pt>
                <c:pt idx="1185">
                  <c:v>1185</c:v>
                </c:pt>
                <c:pt idx="1186">
                  <c:v>1186</c:v>
                </c:pt>
                <c:pt idx="1187">
                  <c:v>1187</c:v>
                </c:pt>
                <c:pt idx="1188">
                  <c:v>1188</c:v>
                </c:pt>
                <c:pt idx="1189">
                  <c:v>1189</c:v>
                </c:pt>
                <c:pt idx="1190">
                  <c:v>1190</c:v>
                </c:pt>
                <c:pt idx="1191">
                  <c:v>1191</c:v>
                </c:pt>
                <c:pt idx="1192">
                  <c:v>1192</c:v>
                </c:pt>
                <c:pt idx="1193">
                  <c:v>1193</c:v>
                </c:pt>
                <c:pt idx="1194">
                  <c:v>1194</c:v>
                </c:pt>
                <c:pt idx="1195">
                  <c:v>1195</c:v>
                </c:pt>
                <c:pt idx="1196">
                  <c:v>1196</c:v>
                </c:pt>
                <c:pt idx="1197">
                  <c:v>1197</c:v>
                </c:pt>
                <c:pt idx="1198">
                  <c:v>1198</c:v>
                </c:pt>
                <c:pt idx="1199">
                  <c:v>1199</c:v>
                </c:pt>
                <c:pt idx="1200">
                  <c:v>1200</c:v>
                </c:pt>
                <c:pt idx="1201">
                  <c:v>1201</c:v>
                </c:pt>
                <c:pt idx="1202">
                  <c:v>1202</c:v>
                </c:pt>
                <c:pt idx="1203">
                  <c:v>1203</c:v>
                </c:pt>
                <c:pt idx="1204">
                  <c:v>1204</c:v>
                </c:pt>
                <c:pt idx="1205">
                  <c:v>1205</c:v>
                </c:pt>
                <c:pt idx="1206">
                  <c:v>1206</c:v>
                </c:pt>
                <c:pt idx="1207">
                  <c:v>1207</c:v>
                </c:pt>
                <c:pt idx="1208">
                  <c:v>1208</c:v>
                </c:pt>
                <c:pt idx="1209">
                  <c:v>1209</c:v>
                </c:pt>
                <c:pt idx="1210">
                  <c:v>1210</c:v>
                </c:pt>
                <c:pt idx="1211">
                  <c:v>1211</c:v>
                </c:pt>
                <c:pt idx="1212">
                  <c:v>1212</c:v>
                </c:pt>
                <c:pt idx="1213">
                  <c:v>1213</c:v>
                </c:pt>
                <c:pt idx="1214">
                  <c:v>1214</c:v>
                </c:pt>
                <c:pt idx="1215">
                  <c:v>1215</c:v>
                </c:pt>
                <c:pt idx="1216">
                  <c:v>1216</c:v>
                </c:pt>
                <c:pt idx="1217">
                  <c:v>1217</c:v>
                </c:pt>
                <c:pt idx="1218">
                  <c:v>1218</c:v>
                </c:pt>
                <c:pt idx="1219">
                  <c:v>1219</c:v>
                </c:pt>
                <c:pt idx="1220">
                  <c:v>1220</c:v>
                </c:pt>
                <c:pt idx="1221">
                  <c:v>1221</c:v>
                </c:pt>
                <c:pt idx="1222">
                  <c:v>1222</c:v>
                </c:pt>
                <c:pt idx="1223">
                  <c:v>1223</c:v>
                </c:pt>
                <c:pt idx="1224">
                  <c:v>1224</c:v>
                </c:pt>
                <c:pt idx="1225">
                  <c:v>1225</c:v>
                </c:pt>
                <c:pt idx="1226">
                  <c:v>1226</c:v>
                </c:pt>
                <c:pt idx="1227">
                  <c:v>1227</c:v>
                </c:pt>
                <c:pt idx="1228">
                  <c:v>1228</c:v>
                </c:pt>
                <c:pt idx="1229">
                  <c:v>1229</c:v>
                </c:pt>
                <c:pt idx="1230">
                  <c:v>1230</c:v>
                </c:pt>
                <c:pt idx="1231">
                  <c:v>1231</c:v>
                </c:pt>
                <c:pt idx="1232">
                  <c:v>1232</c:v>
                </c:pt>
                <c:pt idx="1233">
                  <c:v>1233</c:v>
                </c:pt>
                <c:pt idx="1234">
                  <c:v>1234</c:v>
                </c:pt>
                <c:pt idx="1235">
                  <c:v>1235</c:v>
                </c:pt>
                <c:pt idx="1236">
                  <c:v>1236</c:v>
                </c:pt>
                <c:pt idx="1237">
                  <c:v>1237</c:v>
                </c:pt>
                <c:pt idx="1238">
                  <c:v>1238</c:v>
                </c:pt>
                <c:pt idx="1239">
                  <c:v>1239</c:v>
                </c:pt>
                <c:pt idx="1240">
                  <c:v>1240</c:v>
                </c:pt>
                <c:pt idx="1241">
                  <c:v>1241</c:v>
                </c:pt>
                <c:pt idx="1242">
                  <c:v>1242</c:v>
                </c:pt>
                <c:pt idx="1243">
                  <c:v>1243</c:v>
                </c:pt>
                <c:pt idx="1244">
                  <c:v>1244</c:v>
                </c:pt>
                <c:pt idx="1245">
                  <c:v>1245</c:v>
                </c:pt>
                <c:pt idx="1246">
                  <c:v>1246</c:v>
                </c:pt>
                <c:pt idx="1247">
                  <c:v>1247</c:v>
                </c:pt>
                <c:pt idx="1248">
                  <c:v>1248</c:v>
                </c:pt>
                <c:pt idx="1249">
                  <c:v>1249</c:v>
                </c:pt>
                <c:pt idx="1250">
                  <c:v>1250</c:v>
                </c:pt>
                <c:pt idx="1251">
                  <c:v>1251</c:v>
                </c:pt>
                <c:pt idx="1252">
                  <c:v>1252</c:v>
                </c:pt>
                <c:pt idx="1253">
                  <c:v>1253</c:v>
                </c:pt>
                <c:pt idx="1254">
                  <c:v>1254</c:v>
                </c:pt>
                <c:pt idx="1255">
                  <c:v>1255</c:v>
                </c:pt>
                <c:pt idx="1256">
                  <c:v>1256</c:v>
                </c:pt>
                <c:pt idx="1257">
                  <c:v>1257</c:v>
                </c:pt>
                <c:pt idx="1258">
                  <c:v>1258</c:v>
                </c:pt>
                <c:pt idx="1259">
                  <c:v>1259</c:v>
                </c:pt>
                <c:pt idx="1260">
                  <c:v>1260</c:v>
                </c:pt>
                <c:pt idx="1261">
                  <c:v>1261</c:v>
                </c:pt>
                <c:pt idx="1262">
                  <c:v>1262</c:v>
                </c:pt>
                <c:pt idx="1263">
                  <c:v>1263</c:v>
                </c:pt>
                <c:pt idx="1264">
                  <c:v>1264</c:v>
                </c:pt>
                <c:pt idx="1265">
                  <c:v>1265</c:v>
                </c:pt>
                <c:pt idx="1266">
                  <c:v>1266</c:v>
                </c:pt>
                <c:pt idx="1267">
                  <c:v>1267</c:v>
                </c:pt>
                <c:pt idx="1268">
                  <c:v>1268</c:v>
                </c:pt>
                <c:pt idx="1269">
                  <c:v>1269</c:v>
                </c:pt>
                <c:pt idx="1270">
                  <c:v>1270</c:v>
                </c:pt>
                <c:pt idx="1271">
                  <c:v>1271</c:v>
                </c:pt>
                <c:pt idx="1272">
                  <c:v>1272</c:v>
                </c:pt>
                <c:pt idx="1273">
                  <c:v>1273</c:v>
                </c:pt>
                <c:pt idx="1274">
                  <c:v>1274</c:v>
                </c:pt>
                <c:pt idx="1275">
                  <c:v>1275</c:v>
                </c:pt>
                <c:pt idx="1276">
                  <c:v>1276</c:v>
                </c:pt>
                <c:pt idx="1277">
                  <c:v>1277</c:v>
                </c:pt>
                <c:pt idx="1278">
                  <c:v>1278</c:v>
                </c:pt>
                <c:pt idx="1279">
                  <c:v>1279</c:v>
                </c:pt>
                <c:pt idx="1280">
                  <c:v>1280</c:v>
                </c:pt>
                <c:pt idx="1281">
                  <c:v>1281</c:v>
                </c:pt>
                <c:pt idx="1282">
                  <c:v>1282</c:v>
                </c:pt>
                <c:pt idx="1283">
                  <c:v>1283</c:v>
                </c:pt>
                <c:pt idx="1284">
                  <c:v>1284</c:v>
                </c:pt>
                <c:pt idx="1285">
                  <c:v>1285</c:v>
                </c:pt>
                <c:pt idx="1286">
                  <c:v>1286</c:v>
                </c:pt>
                <c:pt idx="1287">
                  <c:v>1287</c:v>
                </c:pt>
                <c:pt idx="1288">
                  <c:v>1288</c:v>
                </c:pt>
                <c:pt idx="1289">
                  <c:v>1289</c:v>
                </c:pt>
                <c:pt idx="1290">
                  <c:v>1290</c:v>
                </c:pt>
                <c:pt idx="1291">
                  <c:v>1291</c:v>
                </c:pt>
                <c:pt idx="1292">
                  <c:v>1292</c:v>
                </c:pt>
                <c:pt idx="1293">
                  <c:v>1293</c:v>
                </c:pt>
                <c:pt idx="1294">
                  <c:v>1294</c:v>
                </c:pt>
                <c:pt idx="1295">
                  <c:v>1295</c:v>
                </c:pt>
                <c:pt idx="1296">
                  <c:v>1296</c:v>
                </c:pt>
                <c:pt idx="1297">
                  <c:v>1297</c:v>
                </c:pt>
                <c:pt idx="1298">
                  <c:v>1298</c:v>
                </c:pt>
                <c:pt idx="1299">
                  <c:v>1299</c:v>
                </c:pt>
                <c:pt idx="1300">
                  <c:v>1300</c:v>
                </c:pt>
                <c:pt idx="1301">
                  <c:v>1301</c:v>
                </c:pt>
                <c:pt idx="1302">
                  <c:v>1302</c:v>
                </c:pt>
                <c:pt idx="1303">
                  <c:v>1303</c:v>
                </c:pt>
                <c:pt idx="1304">
                  <c:v>1304</c:v>
                </c:pt>
                <c:pt idx="1305">
                  <c:v>1305</c:v>
                </c:pt>
                <c:pt idx="1306">
                  <c:v>1306</c:v>
                </c:pt>
                <c:pt idx="1307">
                  <c:v>1307</c:v>
                </c:pt>
                <c:pt idx="1308">
                  <c:v>1308</c:v>
                </c:pt>
                <c:pt idx="1309">
                  <c:v>1309</c:v>
                </c:pt>
                <c:pt idx="1310">
                  <c:v>1310</c:v>
                </c:pt>
                <c:pt idx="1311">
                  <c:v>1311</c:v>
                </c:pt>
                <c:pt idx="1312">
                  <c:v>1312</c:v>
                </c:pt>
                <c:pt idx="1313">
                  <c:v>1313</c:v>
                </c:pt>
                <c:pt idx="1314">
                  <c:v>1314</c:v>
                </c:pt>
                <c:pt idx="1315">
                  <c:v>1315</c:v>
                </c:pt>
                <c:pt idx="1316">
                  <c:v>1316</c:v>
                </c:pt>
                <c:pt idx="1317">
                  <c:v>1317</c:v>
                </c:pt>
                <c:pt idx="1318">
                  <c:v>1318</c:v>
                </c:pt>
                <c:pt idx="1319">
                  <c:v>1319</c:v>
                </c:pt>
                <c:pt idx="1320">
                  <c:v>1320</c:v>
                </c:pt>
                <c:pt idx="1321">
                  <c:v>1321</c:v>
                </c:pt>
                <c:pt idx="1322">
                  <c:v>1322</c:v>
                </c:pt>
                <c:pt idx="1323">
                  <c:v>1323</c:v>
                </c:pt>
                <c:pt idx="1324">
                  <c:v>1324</c:v>
                </c:pt>
                <c:pt idx="1325">
                  <c:v>1325</c:v>
                </c:pt>
                <c:pt idx="1326">
                  <c:v>1326</c:v>
                </c:pt>
                <c:pt idx="1327">
                  <c:v>1327</c:v>
                </c:pt>
                <c:pt idx="1328">
                  <c:v>1328</c:v>
                </c:pt>
                <c:pt idx="1329">
                  <c:v>1329</c:v>
                </c:pt>
                <c:pt idx="1330">
                  <c:v>1330</c:v>
                </c:pt>
                <c:pt idx="1331">
                  <c:v>1331</c:v>
                </c:pt>
                <c:pt idx="1332">
                  <c:v>1332</c:v>
                </c:pt>
                <c:pt idx="1333">
                  <c:v>1333</c:v>
                </c:pt>
                <c:pt idx="1334">
                  <c:v>1334</c:v>
                </c:pt>
                <c:pt idx="1335">
                  <c:v>1335</c:v>
                </c:pt>
                <c:pt idx="1336">
                  <c:v>1336</c:v>
                </c:pt>
                <c:pt idx="1337">
                  <c:v>1337</c:v>
                </c:pt>
                <c:pt idx="1338">
                  <c:v>1338</c:v>
                </c:pt>
                <c:pt idx="1339">
                  <c:v>1339</c:v>
                </c:pt>
                <c:pt idx="1340">
                  <c:v>1340</c:v>
                </c:pt>
                <c:pt idx="1341">
                  <c:v>1341</c:v>
                </c:pt>
                <c:pt idx="1342">
                  <c:v>1342</c:v>
                </c:pt>
                <c:pt idx="1343">
                  <c:v>1343</c:v>
                </c:pt>
                <c:pt idx="1344">
                  <c:v>1344</c:v>
                </c:pt>
                <c:pt idx="1345">
                  <c:v>1345</c:v>
                </c:pt>
                <c:pt idx="1346">
                  <c:v>1346</c:v>
                </c:pt>
                <c:pt idx="1347">
                  <c:v>1347</c:v>
                </c:pt>
                <c:pt idx="1348">
                  <c:v>1348</c:v>
                </c:pt>
                <c:pt idx="1349">
                  <c:v>1349</c:v>
                </c:pt>
                <c:pt idx="1350">
                  <c:v>1350</c:v>
                </c:pt>
                <c:pt idx="1351">
                  <c:v>1351</c:v>
                </c:pt>
                <c:pt idx="1352">
                  <c:v>1352</c:v>
                </c:pt>
                <c:pt idx="1353">
                  <c:v>1353</c:v>
                </c:pt>
                <c:pt idx="1354">
                  <c:v>1354</c:v>
                </c:pt>
                <c:pt idx="1355">
                  <c:v>1355</c:v>
                </c:pt>
                <c:pt idx="1356">
                  <c:v>1356</c:v>
                </c:pt>
                <c:pt idx="1357">
                  <c:v>1357</c:v>
                </c:pt>
                <c:pt idx="1358">
                  <c:v>1358</c:v>
                </c:pt>
                <c:pt idx="1359">
                  <c:v>1359</c:v>
                </c:pt>
                <c:pt idx="1360">
                  <c:v>1360</c:v>
                </c:pt>
                <c:pt idx="1361">
                  <c:v>1361</c:v>
                </c:pt>
                <c:pt idx="1362">
                  <c:v>1362</c:v>
                </c:pt>
                <c:pt idx="1363">
                  <c:v>1363</c:v>
                </c:pt>
                <c:pt idx="1364">
                  <c:v>1364</c:v>
                </c:pt>
                <c:pt idx="1365">
                  <c:v>1365</c:v>
                </c:pt>
                <c:pt idx="1366">
                  <c:v>1366</c:v>
                </c:pt>
                <c:pt idx="1367">
                  <c:v>1367</c:v>
                </c:pt>
                <c:pt idx="1368">
                  <c:v>1368</c:v>
                </c:pt>
                <c:pt idx="1369">
                  <c:v>1369</c:v>
                </c:pt>
                <c:pt idx="1370">
                  <c:v>1370</c:v>
                </c:pt>
                <c:pt idx="1371">
                  <c:v>1371</c:v>
                </c:pt>
                <c:pt idx="1372">
                  <c:v>1372</c:v>
                </c:pt>
                <c:pt idx="1373">
                  <c:v>1373</c:v>
                </c:pt>
                <c:pt idx="1374">
                  <c:v>1374</c:v>
                </c:pt>
                <c:pt idx="1375">
                  <c:v>1375</c:v>
                </c:pt>
                <c:pt idx="1376">
                  <c:v>1376</c:v>
                </c:pt>
                <c:pt idx="1377">
                  <c:v>1377</c:v>
                </c:pt>
                <c:pt idx="1378">
                  <c:v>1378</c:v>
                </c:pt>
                <c:pt idx="1379">
                  <c:v>1379</c:v>
                </c:pt>
                <c:pt idx="1380">
                  <c:v>1380</c:v>
                </c:pt>
                <c:pt idx="1381">
                  <c:v>1381</c:v>
                </c:pt>
                <c:pt idx="1382">
                  <c:v>1382</c:v>
                </c:pt>
                <c:pt idx="1383">
                  <c:v>1383</c:v>
                </c:pt>
                <c:pt idx="1384">
                  <c:v>1384</c:v>
                </c:pt>
                <c:pt idx="1385">
                  <c:v>1385</c:v>
                </c:pt>
                <c:pt idx="1386">
                  <c:v>1386</c:v>
                </c:pt>
                <c:pt idx="1387">
                  <c:v>1387</c:v>
                </c:pt>
                <c:pt idx="1388">
                  <c:v>1388</c:v>
                </c:pt>
                <c:pt idx="1389">
                  <c:v>1389</c:v>
                </c:pt>
                <c:pt idx="1390">
                  <c:v>1390</c:v>
                </c:pt>
                <c:pt idx="1391">
                  <c:v>1391</c:v>
                </c:pt>
                <c:pt idx="1392">
                  <c:v>1392</c:v>
                </c:pt>
                <c:pt idx="1393">
                  <c:v>1393</c:v>
                </c:pt>
                <c:pt idx="1394">
                  <c:v>1394</c:v>
                </c:pt>
                <c:pt idx="1395">
                  <c:v>1395</c:v>
                </c:pt>
                <c:pt idx="1396">
                  <c:v>1396</c:v>
                </c:pt>
                <c:pt idx="1397">
                  <c:v>1397</c:v>
                </c:pt>
                <c:pt idx="1398">
                  <c:v>1398</c:v>
                </c:pt>
                <c:pt idx="1399">
                  <c:v>1399</c:v>
                </c:pt>
                <c:pt idx="1400">
                  <c:v>1400</c:v>
                </c:pt>
                <c:pt idx="1401">
                  <c:v>1401</c:v>
                </c:pt>
                <c:pt idx="1402">
                  <c:v>1402</c:v>
                </c:pt>
                <c:pt idx="1403">
                  <c:v>1403</c:v>
                </c:pt>
                <c:pt idx="1404">
                  <c:v>1404</c:v>
                </c:pt>
                <c:pt idx="1405">
                  <c:v>1405</c:v>
                </c:pt>
                <c:pt idx="1406">
                  <c:v>1406</c:v>
                </c:pt>
                <c:pt idx="1407">
                  <c:v>1407</c:v>
                </c:pt>
                <c:pt idx="1408">
                  <c:v>1408</c:v>
                </c:pt>
                <c:pt idx="1409">
                  <c:v>1409</c:v>
                </c:pt>
                <c:pt idx="1410">
                  <c:v>1410</c:v>
                </c:pt>
                <c:pt idx="1411">
                  <c:v>1411</c:v>
                </c:pt>
                <c:pt idx="1412">
                  <c:v>1412</c:v>
                </c:pt>
                <c:pt idx="1413">
                  <c:v>1413</c:v>
                </c:pt>
                <c:pt idx="1414">
                  <c:v>1414</c:v>
                </c:pt>
                <c:pt idx="1415">
                  <c:v>1415</c:v>
                </c:pt>
                <c:pt idx="1416">
                  <c:v>1416</c:v>
                </c:pt>
                <c:pt idx="1417">
                  <c:v>1417</c:v>
                </c:pt>
                <c:pt idx="1418">
                  <c:v>1418</c:v>
                </c:pt>
                <c:pt idx="1419">
                  <c:v>1419</c:v>
                </c:pt>
                <c:pt idx="1420">
                  <c:v>1420</c:v>
                </c:pt>
                <c:pt idx="1421">
                  <c:v>1421</c:v>
                </c:pt>
                <c:pt idx="1422">
                  <c:v>1422</c:v>
                </c:pt>
                <c:pt idx="1423">
                  <c:v>1423</c:v>
                </c:pt>
                <c:pt idx="1424">
                  <c:v>1424</c:v>
                </c:pt>
                <c:pt idx="1425">
                  <c:v>1425</c:v>
                </c:pt>
                <c:pt idx="1426">
                  <c:v>1426</c:v>
                </c:pt>
                <c:pt idx="1427">
                  <c:v>1427</c:v>
                </c:pt>
                <c:pt idx="1428">
                  <c:v>1428</c:v>
                </c:pt>
                <c:pt idx="1429">
                  <c:v>1429</c:v>
                </c:pt>
                <c:pt idx="1430">
                  <c:v>1430</c:v>
                </c:pt>
                <c:pt idx="1431">
                  <c:v>1431</c:v>
                </c:pt>
                <c:pt idx="1432">
                  <c:v>1432</c:v>
                </c:pt>
                <c:pt idx="1433">
                  <c:v>1433</c:v>
                </c:pt>
                <c:pt idx="1434">
                  <c:v>1434</c:v>
                </c:pt>
                <c:pt idx="1435">
                  <c:v>1435</c:v>
                </c:pt>
                <c:pt idx="1436">
                  <c:v>1436</c:v>
                </c:pt>
                <c:pt idx="1437">
                  <c:v>1437</c:v>
                </c:pt>
                <c:pt idx="1438">
                  <c:v>1438</c:v>
                </c:pt>
                <c:pt idx="1439">
                  <c:v>1439</c:v>
                </c:pt>
                <c:pt idx="1440">
                  <c:v>1440</c:v>
                </c:pt>
                <c:pt idx="1441">
                  <c:v>1441</c:v>
                </c:pt>
                <c:pt idx="1442">
                  <c:v>1442</c:v>
                </c:pt>
                <c:pt idx="1443">
                  <c:v>1443</c:v>
                </c:pt>
                <c:pt idx="1444">
                  <c:v>1444</c:v>
                </c:pt>
                <c:pt idx="1445">
                  <c:v>1445</c:v>
                </c:pt>
                <c:pt idx="1446">
                  <c:v>1446</c:v>
                </c:pt>
                <c:pt idx="1447">
                  <c:v>1447</c:v>
                </c:pt>
                <c:pt idx="1448">
                  <c:v>1448</c:v>
                </c:pt>
                <c:pt idx="1449">
                  <c:v>1449</c:v>
                </c:pt>
                <c:pt idx="1450">
                  <c:v>1450</c:v>
                </c:pt>
                <c:pt idx="1451">
                  <c:v>1451</c:v>
                </c:pt>
                <c:pt idx="1452">
                  <c:v>1452</c:v>
                </c:pt>
                <c:pt idx="1453">
                  <c:v>1453</c:v>
                </c:pt>
                <c:pt idx="1454">
                  <c:v>1454</c:v>
                </c:pt>
                <c:pt idx="1455">
                  <c:v>1455</c:v>
                </c:pt>
                <c:pt idx="1456">
                  <c:v>1456</c:v>
                </c:pt>
                <c:pt idx="1457">
                  <c:v>1457</c:v>
                </c:pt>
                <c:pt idx="1458">
                  <c:v>1458</c:v>
                </c:pt>
                <c:pt idx="1459">
                  <c:v>1459</c:v>
                </c:pt>
                <c:pt idx="1460">
                  <c:v>1460</c:v>
                </c:pt>
                <c:pt idx="1461">
                  <c:v>1461</c:v>
                </c:pt>
                <c:pt idx="1462">
                  <c:v>1462</c:v>
                </c:pt>
                <c:pt idx="1463">
                  <c:v>1463</c:v>
                </c:pt>
                <c:pt idx="1464">
                  <c:v>1464</c:v>
                </c:pt>
                <c:pt idx="1465">
                  <c:v>1465</c:v>
                </c:pt>
                <c:pt idx="1466">
                  <c:v>1466</c:v>
                </c:pt>
                <c:pt idx="1467">
                  <c:v>1467</c:v>
                </c:pt>
                <c:pt idx="1468">
                  <c:v>1468</c:v>
                </c:pt>
                <c:pt idx="1469">
                  <c:v>1469</c:v>
                </c:pt>
                <c:pt idx="1470">
                  <c:v>1470</c:v>
                </c:pt>
                <c:pt idx="1471">
                  <c:v>1471</c:v>
                </c:pt>
                <c:pt idx="1472">
                  <c:v>1472</c:v>
                </c:pt>
                <c:pt idx="1473">
                  <c:v>1473</c:v>
                </c:pt>
                <c:pt idx="1474">
                  <c:v>1474</c:v>
                </c:pt>
                <c:pt idx="1475">
                  <c:v>1475</c:v>
                </c:pt>
                <c:pt idx="1476">
                  <c:v>1476</c:v>
                </c:pt>
                <c:pt idx="1477">
                  <c:v>1477</c:v>
                </c:pt>
                <c:pt idx="1478">
                  <c:v>1478</c:v>
                </c:pt>
                <c:pt idx="1479">
                  <c:v>1479</c:v>
                </c:pt>
                <c:pt idx="1480">
                  <c:v>1480</c:v>
                </c:pt>
                <c:pt idx="1481">
                  <c:v>1481</c:v>
                </c:pt>
                <c:pt idx="1482">
                  <c:v>1482</c:v>
                </c:pt>
                <c:pt idx="1483">
                  <c:v>1483</c:v>
                </c:pt>
                <c:pt idx="1484">
                  <c:v>1484</c:v>
                </c:pt>
                <c:pt idx="1485">
                  <c:v>1485</c:v>
                </c:pt>
                <c:pt idx="1486">
                  <c:v>1486</c:v>
                </c:pt>
                <c:pt idx="1487">
                  <c:v>1487</c:v>
                </c:pt>
                <c:pt idx="1488">
                  <c:v>1488</c:v>
                </c:pt>
                <c:pt idx="1489">
                  <c:v>1489</c:v>
                </c:pt>
                <c:pt idx="1490">
                  <c:v>1490</c:v>
                </c:pt>
                <c:pt idx="1491">
                  <c:v>1491</c:v>
                </c:pt>
                <c:pt idx="1492">
                  <c:v>1492</c:v>
                </c:pt>
                <c:pt idx="1493">
                  <c:v>1493</c:v>
                </c:pt>
                <c:pt idx="1494">
                  <c:v>1494</c:v>
                </c:pt>
                <c:pt idx="1495">
                  <c:v>1495</c:v>
                </c:pt>
                <c:pt idx="1496">
                  <c:v>1496</c:v>
                </c:pt>
                <c:pt idx="1497">
                  <c:v>1497</c:v>
                </c:pt>
                <c:pt idx="1498">
                  <c:v>1498</c:v>
                </c:pt>
                <c:pt idx="1499">
                  <c:v>1499</c:v>
                </c:pt>
                <c:pt idx="1500">
                  <c:v>1500</c:v>
                </c:pt>
                <c:pt idx="1501">
                  <c:v>1501</c:v>
                </c:pt>
                <c:pt idx="1502">
                  <c:v>1502</c:v>
                </c:pt>
                <c:pt idx="1503">
                  <c:v>1503</c:v>
                </c:pt>
                <c:pt idx="1504">
                  <c:v>1504</c:v>
                </c:pt>
                <c:pt idx="1505">
                  <c:v>1505</c:v>
                </c:pt>
                <c:pt idx="1506">
                  <c:v>1506</c:v>
                </c:pt>
                <c:pt idx="1507">
                  <c:v>1507</c:v>
                </c:pt>
                <c:pt idx="1508">
                  <c:v>1508</c:v>
                </c:pt>
                <c:pt idx="1509">
                  <c:v>1509</c:v>
                </c:pt>
                <c:pt idx="1510">
                  <c:v>1510</c:v>
                </c:pt>
                <c:pt idx="1511">
                  <c:v>1511</c:v>
                </c:pt>
                <c:pt idx="1512">
                  <c:v>1512</c:v>
                </c:pt>
                <c:pt idx="1513">
                  <c:v>1513</c:v>
                </c:pt>
                <c:pt idx="1514">
                  <c:v>1514</c:v>
                </c:pt>
                <c:pt idx="1515">
                  <c:v>1515</c:v>
                </c:pt>
                <c:pt idx="1516">
                  <c:v>1516</c:v>
                </c:pt>
                <c:pt idx="1517">
                  <c:v>1517</c:v>
                </c:pt>
                <c:pt idx="1518">
                  <c:v>1518</c:v>
                </c:pt>
                <c:pt idx="1519">
                  <c:v>1519</c:v>
                </c:pt>
                <c:pt idx="1520">
                  <c:v>1520</c:v>
                </c:pt>
                <c:pt idx="1521">
                  <c:v>1521</c:v>
                </c:pt>
                <c:pt idx="1522">
                  <c:v>1522</c:v>
                </c:pt>
                <c:pt idx="1523">
                  <c:v>1523</c:v>
                </c:pt>
                <c:pt idx="1524">
                  <c:v>1524</c:v>
                </c:pt>
                <c:pt idx="1525">
                  <c:v>1525</c:v>
                </c:pt>
                <c:pt idx="1526">
                  <c:v>1526</c:v>
                </c:pt>
                <c:pt idx="1527">
                  <c:v>1527</c:v>
                </c:pt>
                <c:pt idx="1528">
                  <c:v>1528</c:v>
                </c:pt>
                <c:pt idx="1529">
                  <c:v>1529</c:v>
                </c:pt>
                <c:pt idx="1530">
                  <c:v>1530</c:v>
                </c:pt>
                <c:pt idx="1531">
                  <c:v>1531</c:v>
                </c:pt>
                <c:pt idx="1532">
                  <c:v>1532</c:v>
                </c:pt>
                <c:pt idx="1533">
                  <c:v>1533</c:v>
                </c:pt>
                <c:pt idx="1534">
                  <c:v>1534</c:v>
                </c:pt>
                <c:pt idx="1535">
                  <c:v>1535</c:v>
                </c:pt>
                <c:pt idx="1536">
                  <c:v>1536</c:v>
                </c:pt>
                <c:pt idx="1537">
                  <c:v>1537</c:v>
                </c:pt>
                <c:pt idx="1538">
                  <c:v>1538</c:v>
                </c:pt>
                <c:pt idx="1539">
                  <c:v>1539</c:v>
                </c:pt>
                <c:pt idx="1540">
                  <c:v>1540</c:v>
                </c:pt>
                <c:pt idx="1541">
                  <c:v>1541</c:v>
                </c:pt>
                <c:pt idx="1542">
                  <c:v>1542</c:v>
                </c:pt>
                <c:pt idx="1543">
                  <c:v>1543</c:v>
                </c:pt>
                <c:pt idx="1544">
                  <c:v>1544</c:v>
                </c:pt>
                <c:pt idx="1545">
                  <c:v>1545</c:v>
                </c:pt>
                <c:pt idx="1546">
                  <c:v>1546</c:v>
                </c:pt>
                <c:pt idx="1547">
                  <c:v>1547</c:v>
                </c:pt>
                <c:pt idx="1548">
                  <c:v>1548</c:v>
                </c:pt>
                <c:pt idx="1549">
                  <c:v>1549</c:v>
                </c:pt>
                <c:pt idx="1550">
                  <c:v>1550</c:v>
                </c:pt>
                <c:pt idx="1551">
                  <c:v>1551</c:v>
                </c:pt>
                <c:pt idx="1552">
                  <c:v>1552</c:v>
                </c:pt>
                <c:pt idx="1553">
                  <c:v>1553</c:v>
                </c:pt>
                <c:pt idx="1554">
                  <c:v>1554</c:v>
                </c:pt>
                <c:pt idx="1555">
                  <c:v>1555</c:v>
                </c:pt>
                <c:pt idx="1556">
                  <c:v>1556</c:v>
                </c:pt>
                <c:pt idx="1557">
                  <c:v>1557</c:v>
                </c:pt>
                <c:pt idx="1558">
                  <c:v>1558</c:v>
                </c:pt>
                <c:pt idx="1559">
                  <c:v>1559</c:v>
                </c:pt>
                <c:pt idx="1560">
                  <c:v>1560</c:v>
                </c:pt>
                <c:pt idx="1561">
                  <c:v>1561</c:v>
                </c:pt>
                <c:pt idx="1562">
                  <c:v>1562</c:v>
                </c:pt>
                <c:pt idx="1563">
                  <c:v>1563</c:v>
                </c:pt>
                <c:pt idx="1564">
                  <c:v>1564</c:v>
                </c:pt>
                <c:pt idx="1565">
                  <c:v>1565</c:v>
                </c:pt>
                <c:pt idx="1566">
                  <c:v>1566</c:v>
                </c:pt>
                <c:pt idx="1567">
                  <c:v>1567</c:v>
                </c:pt>
                <c:pt idx="1568">
                  <c:v>1568</c:v>
                </c:pt>
                <c:pt idx="1569">
                  <c:v>1569</c:v>
                </c:pt>
                <c:pt idx="1570">
                  <c:v>1570</c:v>
                </c:pt>
                <c:pt idx="1571">
                  <c:v>1571</c:v>
                </c:pt>
                <c:pt idx="1572">
                  <c:v>1572</c:v>
                </c:pt>
                <c:pt idx="1573">
                  <c:v>1573</c:v>
                </c:pt>
                <c:pt idx="1574">
                  <c:v>1574</c:v>
                </c:pt>
                <c:pt idx="1575">
                  <c:v>1575</c:v>
                </c:pt>
                <c:pt idx="1576">
                  <c:v>1576</c:v>
                </c:pt>
                <c:pt idx="1577">
                  <c:v>1577</c:v>
                </c:pt>
                <c:pt idx="1578">
                  <c:v>1578</c:v>
                </c:pt>
                <c:pt idx="1579">
                  <c:v>1579</c:v>
                </c:pt>
                <c:pt idx="1580">
                  <c:v>1580</c:v>
                </c:pt>
                <c:pt idx="1581">
                  <c:v>1581</c:v>
                </c:pt>
                <c:pt idx="1582">
                  <c:v>1582</c:v>
                </c:pt>
                <c:pt idx="1583">
                  <c:v>1583</c:v>
                </c:pt>
                <c:pt idx="1584">
                  <c:v>1584</c:v>
                </c:pt>
                <c:pt idx="1585">
                  <c:v>1585</c:v>
                </c:pt>
                <c:pt idx="1586">
                  <c:v>1586</c:v>
                </c:pt>
                <c:pt idx="1587">
                  <c:v>1587</c:v>
                </c:pt>
                <c:pt idx="1588">
                  <c:v>1588</c:v>
                </c:pt>
                <c:pt idx="1589">
                  <c:v>1589</c:v>
                </c:pt>
                <c:pt idx="1590">
                  <c:v>1590</c:v>
                </c:pt>
                <c:pt idx="1591">
                  <c:v>1591</c:v>
                </c:pt>
                <c:pt idx="1592">
                  <c:v>1592</c:v>
                </c:pt>
                <c:pt idx="1593">
                  <c:v>1593</c:v>
                </c:pt>
                <c:pt idx="1594">
                  <c:v>1594</c:v>
                </c:pt>
                <c:pt idx="1595">
                  <c:v>1595</c:v>
                </c:pt>
                <c:pt idx="1596">
                  <c:v>1596</c:v>
                </c:pt>
                <c:pt idx="1597">
                  <c:v>1597</c:v>
                </c:pt>
                <c:pt idx="1598">
                  <c:v>1598</c:v>
                </c:pt>
                <c:pt idx="1599">
                  <c:v>1599</c:v>
                </c:pt>
                <c:pt idx="1600">
                  <c:v>1600</c:v>
                </c:pt>
                <c:pt idx="1601">
                  <c:v>1601</c:v>
                </c:pt>
                <c:pt idx="1602">
                  <c:v>1602</c:v>
                </c:pt>
                <c:pt idx="1603">
                  <c:v>1603</c:v>
                </c:pt>
                <c:pt idx="1604">
                  <c:v>1604</c:v>
                </c:pt>
                <c:pt idx="1605">
                  <c:v>1605</c:v>
                </c:pt>
                <c:pt idx="1606">
                  <c:v>1606</c:v>
                </c:pt>
                <c:pt idx="1607">
                  <c:v>1607</c:v>
                </c:pt>
                <c:pt idx="1608">
                  <c:v>1608</c:v>
                </c:pt>
                <c:pt idx="1609">
                  <c:v>1609</c:v>
                </c:pt>
                <c:pt idx="1610">
                  <c:v>1610</c:v>
                </c:pt>
                <c:pt idx="1611">
                  <c:v>1611</c:v>
                </c:pt>
                <c:pt idx="1612">
                  <c:v>1612</c:v>
                </c:pt>
                <c:pt idx="1613">
                  <c:v>1613</c:v>
                </c:pt>
                <c:pt idx="1614">
                  <c:v>1614</c:v>
                </c:pt>
                <c:pt idx="1615">
                  <c:v>1615</c:v>
                </c:pt>
                <c:pt idx="1616">
                  <c:v>1616</c:v>
                </c:pt>
                <c:pt idx="1617">
                  <c:v>1617</c:v>
                </c:pt>
                <c:pt idx="1618">
                  <c:v>1618</c:v>
                </c:pt>
                <c:pt idx="1619">
                  <c:v>1619</c:v>
                </c:pt>
                <c:pt idx="1620">
                  <c:v>1620</c:v>
                </c:pt>
                <c:pt idx="1621">
                  <c:v>1621</c:v>
                </c:pt>
                <c:pt idx="1622">
                  <c:v>1622</c:v>
                </c:pt>
                <c:pt idx="1623">
                  <c:v>1623</c:v>
                </c:pt>
                <c:pt idx="1624">
                  <c:v>1624</c:v>
                </c:pt>
                <c:pt idx="1625">
                  <c:v>1625</c:v>
                </c:pt>
                <c:pt idx="1626">
                  <c:v>1626</c:v>
                </c:pt>
                <c:pt idx="1627">
                  <c:v>1627</c:v>
                </c:pt>
                <c:pt idx="1628">
                  <c:v>1628</c:v>
                </c:pt>
                <c:pt idx="1629">
                  <c:v>1629</c:v>
                </c:pt>
                <c:pt idx="1630">
                  <c:v>1630</c:v>
                </c:pt>
                <c:pt idx="1631">
                  <c:v>1631</c:v>
                </c:pt>
                <c:pt idx="1632">
                  <c:v>1632</c:v>
                </c:pt>
                <c:pt idx="1633">
                  <c:v>1633</c:v>
                </c:pt>
                <c:pt idx="1634">
                  <c:v>1634</c:v>
                </c:pt>
                <c:pt idx="1635">
                  <c:v>1635</c:v>
                </c:pt>
                <c:pt idx="1636">
                  <c:v>1636</c:v>
                </c:pt>
                <c:pt idx="1637">
                  <c:v>1637</c:v>
                </c:pt>
                <c:pt idx="1638">
                  <c:v>1638</c:v>
                </c:pt>
                <c:pt idx="1639">
                  <c:v>1639</c:v>
                </c:pt>
                <c:pt idx="1640">
                  <c:v>1640</c:v>
                </c:pt>
                <c:pt idx="1641">
                  <c:v>1641</c:v>
                </c:pt>
                <c:pt idx="1642">
                  <c:v>1642</c:v>
                </c:pt>
                <c:pt idx="1643">
                  <c:v>1643</c:v>
                </c:pt>
                <c:pt idx="1644">
                  <c:v>1644</c:v>
                </c:pt>
                <c:pt idx="1645">
                  <c:v>1645</c:v>
                </c:pt>
                <c:pt idx="1646">
                  <c:v>1646</c:v>
                </c:pt>
                <c:pt idx="1647">
                  <c:v>1647</c:v>
                </c:pt>
                <c:pt idx="1648">
                  <c:v>1648</c:v>
                </c:pt>
                <c:pt idx="1649">
                  <c:v>1649</c:v>
                </c:pt>
                <c:pt idx="1650">
                  <c:v>1650</c:v>
                </c:pt>
                <c:pt idx="1651">
                  <c:v>1651</c:v>
                </c:pt>
                <c:pt idx="1652">
                  <c:v>1652</c:v>
                </c:pt>
                <c:pt idx="1653">
                  <c:v>1653</c:v>
                </c:pt>
                <c:pt idx="1654">
                  <c:v>1654</c:v>
                </c:pt>
                <c:pt idx="1655">
                  <c:v>1655</c:v>
                </c:pt>
                <c:pt idx="1656">
                  <c:v>1656</c:v>
                </c:pt>
                <c:pt idx="1657">
                  <c:v>1657</c:v>
                </c:pt>
                <c:pt idx="1658">
                  <c:v>1658</c:v>
                </c:pt>
                <c:pt idx="1659">
                  <c:v>1659</c:v>
                </c:pt>
                <c:pt idx="1660">
                  <c:v>1660</c:v>
                </c:pt>
                <c:pt idx="1661">
                  <c:v>1661</c:v>
                </c:pt>
                <c:pt idx="1662">
                  <c:v>1662</c:v>
                </c:pt>
                <c:pt idx="1663">
                  <c:v>1663</c:v>
                </c:pt>
                <c:pt idx="1664">
                  <c:v>1664</c:v>
                </c:pt>
                <c:pt idx="1665">
                  <c:v>1665</c:v>
                </c:pt>
                <c:pt idx="1666">
                  <c:v>1666</c:v>
                </c:pt>
                <c:pt idx="1667">
                  <c:v>1667</c:v>
                </c:pt>
                <c:pt idx="1668">
                  <c:v>1668</c:v>
                </c:pt>
                <c:pt idx="1669">
                  <c:v>1669</c:v>
                </c:pt>
                <c:pt idx="1670">
                  <c:v>1670</c:v>
                </c:pt>
                <c:pt idx="1671">
                  <c:v>1671</c:v>
                </c:pt>
                <c:pt idx="1672">
                  <c:v>1672</c:v>
                </c:pt>
                <c:pt idx="1673">
                  <c:v>1673</c:v>
                </c:pt>
                <c:pt idx="1674">
                  <c:v>1674</c:v>
                </c:pt>
                <c:pt idx="1675">
                  <c:v>1675</c:v>
                </c:pt>
                <c:pt idx="1676">
                  <c:v>1676</c:v>
                </c:pt>
                <c:pt idx="1677">
                  <c:v>1677</c:v>
                </c:pt>
                <c:pt idx="1678">
                  <c:v>1678</c:v>
                </c:pt>
                <c:pt idx="1679">
                  <c:v>1679</c:v>
                </c:pt>
                <c:pt idx="1680">
                  <c:v>1680</c:v>
                </c:pt>
                <c:pt idx="1681">
                  <c:v>1681</c:v>
                </c:pt>
                <c:pt idx="1682">
                  <c:v>1682</c:v>
                </c:pt>
                <c:pt idx="1683">
                  <c:v>1683</c:v>
                </c:pt>
                <c:pt idx="1684">
                  <c:v>1684</c:v>
                </c:pt>
                <c:pt idx="1685">
                  <c:v>1685</c:v>
                </c:pt>
                <c:pt idx="1686">
                  <c:v>1686</c:v>
                </c:pt>
                <c:pt idx="1687">
                  <c:v>1687</c:v>
                </c:pt>
                <c:pt idx="1688">
                  <c:v>1688</c:v>
                </c:pt>
                <c:pt idx="1689">
                  <c:v>1689</c:v>
                </c:pt>
                <c:pt idx="1690">
                  <c:v>1690</c:v>
                </c:pt>
                <c:pt idx="1691">
                  <c:v>1691</c:v>
                </c:pt>
                <c:pt idx="1692">
                  <c:v>1692</c:v>
                </c:pt>
                <c:pt idx="1693">
                  <c:v>1693</c:v>
                </c:pt>
                <c:pt idx="1694">
                  <c:v>1694</c:v>
                </c:pt>
                <c:pt idx="1695">
                  <c:v>1695</c:v>
                </c:pt>
                <c:pt idx="1696">
                  <c:v>1696</c:v>
                </c:pt>
                <c:pt idx="1697">
                  <c:v>1697</c:v>
                </c:pt>
                <c:pt idx="1698">
                  <c:v>1698</c:v>
                </c:pt>
                <c:pt idx="1699">
                  <c:v>1699</c:v>
                </c:pt>
                <c:pt idx="1700">
                  <c:v>1700</c:v>
                </c:pt>
                <c:pt idx="1701">
                  <c:v>1701</c:v>
                </c:pt>
                <c:pt idx="1702">
                  <c:v>1702</c:v>
                </c:pt>
                <c:pt idx="1703">
                  <c:v>1703</c:v>
                </c:pt>
                <c:pt idx="1704">
                  <c:v>1704</c:v>
                </c:pt>
                <c:pt idx="1705">
                  <c:v>1705</c:v>
                </c:pt>
                <c:pt idx="1706">
                  <c:v>1706</c:v>
                </c:pt>
                <c:pt idx="1707">
                  <c:v>1707</c:v>
                </c:pt>
                <c:pt idx="1708">
                  <c:v>1708</c:v>
                </c:pt>
                <c:pt idx="1709">
                  <c:v>1709</c:v>
                </c:pt>
                <c:pt idx="1710">
                  <c:v>1710</c:v>
                </c:pt>
                <c:pt idx="1711">
                  <c:v>1711</c:v>
                </c:pt>
                <c:pt idx="1712">
                  <c:v>1712</c:v>
                </c:pt>
                <c:pt idx="1713">
                  <c:v>1713</c:v>
                </c:pt>
                <c:pt idx="1714">
                  <c:v>1714</c:v>
                </c:pt>
                <c:pt idx="1715">
                  <c:v>1715</c:v>
                </c:pt>
                <c:pt idx="1716">
                  <c:v>1716</c:v>
                </c:pt>
                <c:pt idx="1717">
                  <c:v>1717</c:v>
                </c:pt>
                <c:pt idx="1718">
                  <c:v>1718</c:v>
                </c:pt>
                <c:pt idx="1719">
                  <c:v>1719</c:v>
                </c:pt>
                <c:pt idx="1720">
                  <c:v>1720</c:v>
                </c:pt>
                <c:pt idx="1721">
                  <c:v>1721</c:v>
                </c:pt>
                <c:pt idx="1722">
                  <c:v>1722</c:v>
                </c:pt>
                <c:pt idx="1723">
                  <c:v>1723</c:v>
                </c:pt>
                <c:pt idx="1724">
                  <c:v>1724</c:v>
                </c:pt>
                <c:pt idx="1725">
                  <c:v>1725</c:v>
                </c:pt>
                <c:pt idx="1726">
                  <c:v>1726</c:v>
                </c:pt>
                <c:pt idx="1727">
                  <c:v>1727</c:v>
                </c:pt>
                <c:pt idx="1728">
                  <c:v>1728</c:v>
                </c:pt>
                <c:pt idx="1729">
                  <c:v>1729</c:v>
                </c:pt>
                <c:pt idx="1730">
                  <c:v>1730</c:v>
                </c:pt>
                <c:pt idx="1731">
                  <c:v>1731</c:v>
                </c:pt>
                <c:pt idx="1732">
                  <c:v>1732</c:v>
                </c:pt>
                <c:pt idx="1733">
                  <c:v>1733</c:v>
                </c:pt>
                <c:pt idx="1734">
                  <c:v>1734</c:v>
                </c:pt>
                <c:pt idx="1735">
                  <c:v>1735</c:v>
                </c:pt>
                <c:pt idx="1736">
                  <c:v>1736</c:v>
                </c:pt>
                <c:pt idx="1737">
                  <c:v>1737</c:v>
                </c:pt>
                <c:pt idx="1738">
                  <c:v>1738</c:v>
                </c:pt>
                <c:pt idx="1739">
                  <c:v>1739</c:v>
                </c:pt>
                <c:pt idx="1740">
                  <c:v>1740</c:v>
                </c:pt>
                <c:pt idx="1741">
                  <c:v>1741</c:v>
                </c:pt>
                <c:pt idx="1742">
                  <c:v>1742</c:v>
                </c:pt>
                <c:pt idx="1743">
                  <c:v>1743</c:v>
                </c:pt>
                <c:pt idx="1744">
                  <c:v>1744</c:v>
                </c:pt>
                <c:pt idx="1745">
                  <c:v>1745</c:v>
                </c:pt>
                <c:pt idx="1746">
                  <c:v>1746</c:v>
                </c:pt>
                <c:pt idx="1747">
                  <c:v>1747</c:v>
                </c:pt>
                <c:pt idx="1748">
                  <c:v>1748</c:v>
                </c:pt>
                <c:pt idx="1749">
                  <c:v>1749</c:v>
                </c:pt>
                <c:pt idx="1750">
                  <c:v>1750</c:v>
                </c:pt>
                <c:pt idx="1751">
                  <c:v>1751</c:v>
                </c:pt>
                <c:pt idx="1752">
                  <c:v>1752</c:v>
                </c:pt>
                <c:pt idx="1753">
                  <c:v>1753</c:v>
                </c:pt>
                <c:pt idx="1754">
                  <c:v>1754</c:v>
                </c:pt>
                <c:pt idx="1755">
                  <c:v>1755</c:v>
                </c:pt>
                <c:pt idx="1756">
                  <c:v>1756</c:v>
                </c:pt>
                <c:pt idx="1757">
                  <c:v>1757</c:v>
                </c:pt>
                <c:pt idx="1758">
                  <c:v>1758</c:v>
                </c:pt>
                <c:pt idx="1759">
                  <c:v>1759</c:v>
                </c:pt>
                <c:pt idx="1760">
                  <c:v>1760</c:v>
                </c:pt>
                <c:pt idx="1761">
                  <c:v>1761</c:v>
                </c:pt>
                <c:pt idx="1762">
                  <c:v>1762</c:v>
                </c:pt>
                <c:pt idx="1763">
                  <c:v>1763</c:v>
                </c:pt>
                <c:pt idx="1764">
                  <c:v>1764</c:v>
                </c:pt>
                <c:pt idx="1765">
                  <c:v>1765</c:v>
                </c:pt>
                <c:pt idx="1766">
                  <c:v>1766</c:v>
                </c:pt>
                <c:pt idx="1767">
                  <c:v>1767</c:v>
                </c:pt>
                <c:pt idx="1768">
                  <c:v>1768</c:v>
                </c:pt>
                <c:pt idx="1769">
                  <c:v>1769</c:v>
                </c:pt>
                <c:pt idx="1770">
                  <c:v>1770</c:v>
                </c:pt>
                <c:pt idx="1771">
                  <c:v>1771</c:v>
                </c:pt>
                <c:pt idx="1772">
                  <c:v>1772</c:v>
                </c:pt>
                <c:pt idx="1773">
                  <c:v>1773</c:v>
                </c:pt>
                <c:pt idx="1774">
                  <c:v>1774</c:v>
                </c:pt>
                <c:pt idx="1775">
                  <c:v>1775</c:v>
                </c:pt>
                <c:pt idx="1776">
                  <c:v>1776</c:v>
                </c:pt>
                <c:pt idx="1777">
                  <c:v>1777</c:v>
                </c:pt>
                <c:pt idx="1778">
                  <c:v>1778</c:v>
                </c:pt>
                <c:pt idx="1779">
                  <c:v>1779</c:v>
                </c:pt>
                <c:pt idx="1780">
                  <c:v>1780</c:v>
                </c:pt>
                <c:pt idx="1781">
                  <c:v>1781</c:v>
                </c:pt>
                <c:pt idx="1782">
                  <c:v>1782</c:v>
                </c:pt>
                <c:pt idx="1783">
                  <c:v>1783</c:v>
                </c:pt>
                <c:pt idx="1784">
                  <c:v>1784</c:v>
                </c:pt>
                <c:pt idx="1785">
                  <c:v>1785</c:v>
                </c:pt>
                <c:pt idx="1786">
                  <c:v>1786</c:v>
                </c:pt>
                <c:pt idx="1787">
                  <c:v>1787</c:v>
                </c:pt>
                <c:pt idx="1788">
                  <c:v>1788</c:v>
                </c:pt>
                <c:pt idx="1789">
                  <c:v>1789</c:v>
                </c:pt>
                <c:pt idx="1790">
                  <c:v>1790</c:v>
                </c:pt>
                <c:pt idx="1791">
                  <c:v>1791</c:v>
                </c:pt>
                <c:pt idx="1792">
                  <c:v>1792</c:v>
                </c:pt>
                <c:pt idx="1793">
                  <c:v>1793</c:v>
                </c:pt>
                <c:pt idx="1794">
                  <c:v>1794</c:v>
                </c:pt>
                <c:pt idx="1795">
                  <c:v>1795</c:v>
                </c:pt>
                <c:pt idx="1796">
                  <c:v>1796</c:v>
                </c:pt>
                <c:pt idx="1797">
                  <c:v>1797</c:v>
                </c:pt>
                <c:pt idx="1798">
                  <c:v>1798</c:v>
                </c:pt>
                <c:pt idx="1799">
                  <c:v>1799</c:v>
                </c:pt>
              </c:numCache>
            </c:numRef>
          </c:xVal>
          <c:yVal>
            <c:numRef>
              <c:f>'30Inside'!$E$2:$E$1801</c:f>
              <c:numCache>
                <c:formatCode>General</c:formatCode>
                <c:ptCount val="1800"/>
                <c:pt idx="0">
                  <c:v>51.222000000000001</c:v>
                </c:pt>
                <c:pt idx="1">
                  <c:v>51.124000000000002</c:v>
                </c:pt>
                <c:pt idx="2">
                  <c:v>50.929000000000002</c:v>
                </c:pt>
                <c:pt idx="3">
                  <c:v>51.026000000000003</c:v>
                </c:pt>
                <c:pt idx="4">
                  <c:v>50.831000000000003</c:v>
                </c:pt>
                <c:pt idx="5">
                  <c:v>50.537999999999997</c:v>
                </c:pt>
                <c:pt idx="6">
                  <c:v>50.537999999999997</c:v>
                </c:pt>
                <c:pt idx="7">
                  <c:v>50.537999999999997</c:v>
                </c:pt>
                <c:pt idx="8">
                  <c:v>50.537999999999997</c:v>
                </c:pt>
                <c:pt idx="9">
                  <c:v>50.634999999999998</c:v>
                </c:pt>
                <c:pt idx="10">
                  <c:v>50.634999999999998</c:v>
                </c:pt>
                <c:pt idx="11">
                  <c:v>50.537999999999997</c:v>
                </c:pt>
                <c:pt idx="12">
                  <c:v>50.634999999999998</c:v>
                </c:pt>
                <c:pt idx="13">
                  <c:v>51.026000000000003</c:v>
                </c:pt>
                <c:pt idx="14">
                  <c:v>50.634999999999998</c:v>
                </c:pt>
                <c:pt idx="15">
                  <c:v>50.634999999999998</c:v>
                </c:pt>
                <c:pt idx="16">
                  <c:v>50.634999999999998</c:v>
                </c:pt>
                <c:pt idx="17">
                  <c:v>50.929000000000002</c:v>
                </c:pt>
                <c:pt idx="18">
                  <c:v>50.634999999999998</c:v>
                </c:pt>
                <c:pt idx="19">
                  <c:v>50.831000000000003</c:v>
                </c:pt>
                <c:pt idx="20">
                  <c:v>50.634999999999998</c:v>
                </c:pt>
                <c:pt idx="21">
                  <c:v>50.732999999999997</c:v>
                </c:pt>
                <c:pt idx="22">
                  <c:v>50.732999999999997</c:v>
                </c:pt>
                <c:pt idx="23">
                  <c:v>50.634999999999998</c:v>
                </c:pt>
                <c:pt idx="24">
                  <c:v>50.732999999999997</c:v>
                </c:pt>
                <c:pt idx="25">
                  <c:v>50.732999999999997</c:v>
                </c:pt>
                <c:pt idx="26">
                  <c:v>50.732999999999997</c:v>
                </c:pt>
                <c:pt idx="27">
                  <c:v>50.732999999999997</c:v>
                </c:pt>
                <c:pt idx="28">
                  <c:v>50.732999999999997</c:v>
                </c:pt>
                <c:pt idx="29">
                  <c:v>50.831000000000003</c:v>
                </c:pt>
                <c:pt idx="30">
                  <c:v>50.831000000000003</c:v>
                </c:pt>
                <c:pt idx="31">
                  <c:v>50.732999999999997</c:v>
                </c:pt>
                <c:pt idx="32">
                  <c:v>50.831000000000003</c:v>
                </c:pt>
                <c:pt idx="33">
                  <c:v>50.732999999999997</c:v>
                </c:pt>
                <c:pt idx="34">
                  <c:v>50.732999999999997</c:v>
                </c:pt>
                <c:pt idx="35">
                  <c:v>50.732999999999997</c:v>
                </c:pt>
                <c:pt idx="36">
                  <c:v>50.732999999999997</c:v>
                </c:pt>
                <c:pt idx="37">
                  <c:v>50.732999999999997</c:v>
                </c:pt>
                <c:pt idx="38">
                  <c:v>50.634999999999998</c:v>
                </c:pt>
                <c:pt idx="39">
                  <c:v>50.634999999999998</c:v>
                </c:pt>
                <c:pt idx="40">
                  <c:v>50.732999999999997</c:v>
                </c:pt>
                <c:pt idx="41">
                  <c:v>50.634999999999998</c:v>
                </c:pt>
                <c:pt idx="42">
                  <c:v>50.634999999999998</c:v>
                </c:pt>
                <c:pt idx="43">
                  <c:v>50.634999999999998</c:v>
                </c:pt>
                <c:pt idx="44">
                  <c:v>50.634999999999998</c:v>
                </c:pt>
                <c:pt idx="45">
                  <c:v>50.634999999999998</c:v>
                </c:pt>
                <c:pt idx="46">
                  <c:v>50.634999999999998</c:v>
                </c:pt>
                <c:pt idx="47">
                  <c:v>50.634999999999998</c:v>
                </c:pt>
                <c:pt idx="48">
                  <c:v>50.634999999999998</c:v>
                </c:pt>
                <c:pt idx="49">
                  <c:v>50.732999999999997</c:v>
                </c:pt>
                <c:pt idx="50">
                  <c:v>50.732999999999997</c:v>
                </c:pt>
                <c:pt idx="51">
                  <c:v>50.732999999999997</c:v>
                </c:pt>
                <c:pt idx="52">
                  <c:v>50.732999999999997</c:v>
                </c:pt>
                <c:pt idx="53">
                  <c:v>50.732999999999997</c:v>
                </c:pt>
                <c:pt idx="54">
                  <c:v>50.732999999999997</c:v>
                </c:pt>
                <c:pt idx="55">
                  <c:v>50.732999999999997</c:v>
                </c:pt>
                <c:pt idx="56">
                  <c:v>50.732999999999997</c:v>
                </c:pt>
                <c:pt idx="57">
                  <c:v>50.831000000000003</c:v>
                </c:pt>
                <c:pt idx="58">
                  <c:v>50.831000000000003</c:v>
                </c:pt>
                <c:pt idx="59">
                  <c:v>50.831000000000003</c:v>
                </c:pt>
                <c:pt idx="60">
                  <c:v>50.831000000000003</c:v>
                </c:pt>
                <c:pt idx="61">
                  <c:v>50.831000000000003</c:v>
                </c:pt>
                <c:pt idx="62">
                  <c:v>50.929000000000002</c:v>
                </c:pt>
                <c:pt idx="63">
                  <c:v>50.831000000000003</c:v>
                </c:pt>
                <c:pt idx="64">
                  <c:v>50.831000000000003</c:v>
                </c:pt>
                <c:pt idx="65">
                  <c:v>50.732999999999997</c:v>
                </c:pt>
                <c:pt idx="66">
                  <c:v>50.732999999999997</c:v>
                </c:pt>
                <c:pt idx="67">
                  <c:v>50.732999999999997</c:v>
                </c:pt>
                <c:pt idx="68">
                  <c:v>50.732999999999997</c:v>
                </c:pt>
                <c:pt idx="69">
                  <c:v>50.732999999999997</c:v>
                </c:pt>
                <c:pt idx="70">
                  <c:v>50.732999999999997</c:v>
                </c:pt>
                <c:pt idx="71">
                  <c:v>50.732999999999997</c:v>
                </c:pt>
                <c:pt idx="72">
                  <c:v>50.732999999999997</c:v>
                </c:pt>
                <c:pt idx="73">
                  <c:v>50.732999999999997</c:v>
                </c:pt>
                <c:pt idx="74">
                  <c:v>50.831000000000003</c:v>
                </c:pt>
                <c:pt idx="75">
                  <c:v>50.732999999999997</c:v>
                </c:pt>
                <c:pt idx="76">
                  <c:v>50.732999999999997</c:v>
                </c:pt>
                <c:pt idx="77">
                  <c:v>50.831000000000003</c:v>
                </c:pt>
                <c:pt idx="78">
                  <c:v>50.831000000000003</c:v>
                </c:pt>
                <c:pt idx="79">
                  <c:v>50.732999999999997</c:v>
                </c:pt>
                <c:pt idx="80">
                  <c:v>50.732999999999997</c:v>
                </c:pt>
                <c:pt idx="81">
                  <c:v>50.732999999999997</c:v>
                </c:pt>
                <c:pt idx="82">
                  <c:v>50.831000000000003</c:v>
                </c:pt>
                <c:pt idx="83">
                  <c:v>50.831000000000003</c:v>
                </c:pt>
                <c:pt idx="84">
                  <c:v>50.831000000000003</c:v>
                </c:pt>
                <c:pt idx="85">
                  <c:v>51.026000000000003</c:v>
                </c:pt>
                <c:pt idx="86">
                  <c:v>51.124000000000002</c:v>
                </c:pt>
                <c:pt idx="87">
                  <c:v>51.026000000000003</c:v>
                </c:pt>
                <c:pt idx="88">
                  <c:v>51.124000000000002</c:v>
                </c:pt>
                <c:pt idx="89">
                  <c:v>51.026000000000003</c:v>
                </c:pt>
                <c:pt idx="90">
                  <c:v>51.124000000000002</c:v>
                </c:pt>
                <c:pt idx="91">
                  <c:v>51.026000000000003</c:v>
                </c:pt>
                <c:pt idx="92">
                  <c:v>51.026000000000003</c:v>
                </c:pt>
                <c:pt idx="93">
                  <c:v>51.124000000000002</c:v>
                </c:pt>
                <c:pt idx="94">
                  <c:v>51.026000000000003</c:v>
                </c:pt>
                <c:pt idx="95">
                  <c:v>50.831000000000003</c:v>
                </c:pt>
                <c:pt idx="96">
                  <c:v>50.831000000000003</c:v>
                </c:pt>
                <c:pt idx="97">
                  <c:v>50.831000000000003</c:v>
                </c:pt>
                <c:pt idx="98">
                  <c:v>50.831000000000003</c:v>
                </c:pt>
                <c:pt idx="99">
                  <c:v>50.929000000000002</c:v>
                </c:pt>
                <c:pt idx="100">
                  <c:v>50.831000000000003</c:v>
                </c:pt>
                <c:pt idx="101">
                  <c:v>50.831000000000003</c:v>
                </c:pt>
                <c:pt idx="102">
                  <c:v>50.831000000000003</c:v>
                </c:pt>
                <c:pt idx="103">
                  <c:v>50.929000000000002</c:v>
                </c:pt>
                <c:pt idx="104">
                  <c:v>50.831000000000003</c:v>
                </c:pt>
                <c:pt idx="105">
                  <c:v>50.831000000000003</c:v>
                </c:pt>
                <c:pt idx="106">
                  <c:v>50.831000000000003</c:v>
                </c:pt>
                <c:pt idx="107">
                  <c:v>50.929000000000002</c:v>
                </c:pt>
                <c:pt idx="108">
                  <c:v>50.929000000000002</c:v>
                </c:pt>
                <c:pt idx="109">
                  <c:v>50.831000000000003</c:v>
                </c:pt>
                <c:pt idx="110">
                  <c:v>50.831000000000003</c:v>
                </c:pt>
                <c:pt idx="111">
                  <c:v>50.831000000000003</c:v>
                </c:pt>
                <c:pt idx="112">
                  <c:v>50.831000000000003</c:v>
                </c:pt>
                <c:pt idx="113">
                  <c:v>50.929000000000002</c:v>
                </c:pt>
                <c:pt idx="114">
                  <c:v>50.929000000000002</c:v>
                </c:pt>
                <c:pt idx="115">
                  <c:v>50.929000000000002</c:v>
                </c:pt>
                <c:pt idx="116">
                  <c:v>50.831000000000003</c:v>
                </c:pt>
                <c:pt idx="117">
                  <c:v>50.929000000000002</c:v>
                </c:pt>
                <c:pt idx="118">
                  <c:v>50.929000000000002</c:v>
                </c:pt>
                <c:pt idx="119">
                  <c:v>50.929000000000002</c:v>
                </c:pt>
                <c:pt idx="120">
                  <c:v>50.929000000000002</c:v>
                </c:pt>
                <c:pt idx="121">
                  <c:v>50.929000000000002</c:v>
                </c:pt>
                <c:pt idx="122">
                  <c:v>50.929000000000002</c:v>
                </c:pt>
                <c:pt idx="123">
                  <c:v>51.026000000000003</c:v>
                </c:pt>
                <c:pt idx="124">
                  <c:v>50.929000000000002</c:v>
                </c:pt>
                <c:pt idx="125">
                  <c:v>50.929000000000002</c:v>
                </c:pt>
                <c:pt idx="126">
                  <c:v>51.026000000000003</c:v>
                </c:pt>
                <c:pt idx="127">
                  <c:v>51.026000000000003</c:v>
                </c:pt>
                <c:pt idx="128">
                  <c:v>51.026000000000003</c:v>
                </c:pt>
                <c:pt idx="129">
                  <c:v>50.929000000000002</c:v>
                </c:pt>
                <c:pt idx="130">
                  <c:v>51.026000000000003</c:v>
                </c:pt>
                <c:pt idx="131">
                  <c:v>50.929000000000002</c:v>
                </c:pt>
                <c:pt idx="132">
                  <c:v>50.831000000000003</c:v>
                </c:pt>
                <c:pt idx="133">
                  <c:v>50.929000000000002</c:v>
                </c:pt>
                <c:pt idx="134">
                  <c:v>50.929000000000002</c:v>
                </c:pt>
                <c:pt idx="135">
                  <c:v>50.831000000000003</c:v>
                </c:pt>
                <c:pt idx="136">
                  <c:v>50.831000000000003</c:v>
                </c:pt>
                <c:pt idx="137">
                  <c:v>50.732999999999997</c:v>
                </c:pt>
                <c:pt idx="138">
                  <c:v>50.732999999999997</c:v>
                </c:pt>
                <c:pt idx="139">
                  <c:v>50.831000000000003</c:v>
                </c:pt>
                <c:pt idx="140">
                  <c:v>50.831000000000003</c:v>
                </c:pt>
                <c:pt idx="141">
                  <c:v>50.831000000000003</c:v>
                </c:pt>
                <c:pt idx="142">
                  <c:v>50.831000000000003</c:v>
                </c:pt>
                <c:pt idx="143">
                  <c:v>50.831000000000003</c:v>
                </c:pt>
                <c:pt idx="144">
                  <c:v>50.831000000000003</c:v>
                </c:pt>
                <c:pt idx="145">
                  <c:v>50.929000000000002</c:v>
                </c:pt>
                <c:pt idx="146">
                  <c:v>50.929000000000002</c:v>
                </c:pt>
                <c:pt idx="147">
                  <c:v>50.929000000000002</c:v>
                </c:pt>
                <c:pt idx="148">
                  <c:v>50.929000000000002</c:v>
                </c:pt>
                <c:pt idx="149">
                  <c:v>50.929000000000002</c:v>
                </c:pt>
                <c:pt idx="150">
                  <c:v>50.929000000000002</c:v>
                </c:pt>
                <c:pt idx="151">
                  <c:v>50.929000000000002</c:v>
                </c:pt>
                <c:pt idx="152">
                  <c:v>50.929000000000002</c:v>
                </c:pt>
                <c:pt idx="153">
                  <c:v>50.929000000000002</c:v>
                </c:pt>
                <c:pt idx="154">
                  <c:v>51.026000000000003</c:v>
                </c:pt>
                <c:pt idx="155">
                  <c:v>50.929000000000002</c:v>
                </c:pt>
                <c:pt idx="156">
                  <c:v>50.929000000000002</c:v>
                </c:pt>
                <c:pt idx="157">
                  <c:v>51.026000000000003</c:v>
                </c:pt>
                <c:pt idx="158">
                  <c:v>50.929000000000002</c:v>
                </c:pt>
                <c:pt idx="159">
                  <c:v>51.026000000000003</c:v>
                </c:pt>
                <c:pt idx="160">
                  <c:v>50.929000000000002</c:v>
                </c:pt>
                <c:pt idx="161">
                  <c:v>50.929000000000002</c:v>
                </c:pt>
                <c:pt idx="162">
                  <c:v>50.929000000000002</c:v>
                </c:pt>
                <c:pt idx="163">
                  <c:v>50.929000000000002</c:v>
                </c:pt>
                <c:pt idx="164">
                  <c:v>50.929000000000002</c:v>
                </c:pt>
                <c:pt idx="165">
                  <c:v>50.929000000000002</c:v>
                </c:pt>
                <c:pt idx="166">
                  <c:v>50.929000000000002</c:v>
                </c:pt>
                <c:pt idx="167">
                  <c:v>50.831000000000003</c:v>
                </c:pt>
                <c:pt idx="168">
                  <c:v>50.831000000000003</c:v>
                </c:pt>
                <c:pt idx="169">
                  <c:v>50.929000000000002</c:v>
                </c:pt>
                <c:pt idx="170">
                  <c:v>50.831000000000003</c:v>
                </c:pt>
                <c:pt idx="171">
                  <c:v>50.929000000000002</c:v>
                </c:pt>
                <c:pt idx="172">
                  <c:v>51.026000000000003</c:v>
                </c:pt>
                <c:pt idx="173">
                  <c:v>50.929000000000002</c:v>
                </c:pt>
                <c:pt idx="174">
                  <c:v>51.026000000000003</c:v>
                </c:pt>
                <c:pt idx="175">
                  <c:v>51.026000000000003</c:v>
                </c:pt>
                <c:pt idx="176">
                  <c:v>51.026000000000003</c:v>
                </c:pt>
                <c:pt idx="177">
                  <c:v>51.026000000000003</c:v>
                </c:pt>
                <c:pt idx="178">
                  <c:v>50.929000000000002</c:v>
                </c:pt>
                <c:pt idx="179">
                  <c:v>51.026000000000003</c:v>
                </c:pt>
                <c:pt idx="180">
                  <c:v>51.026000000000003</c:v>
                </c:pt>
                <c:pt idx="181">
                  <c:v>50.929000000000002</c:v>
                </c:pt>
                <c:pt idx="182">
                  <c:v>51.026000000000003</c:v>
                </c:pt>
                <c:pt idx="183">
                  <c:v>51.026000000000003</c:v>
                </c:pt>
                <c:pt idx="184">
                  <c:v>50.929000000000002</c:v>
                </c:pt>
                <c:pt idx="185">
                  <c:v>51.026000000000003</c:v>
                </c:pt>
                <c:pt idx="186">
                  <c:v>51.026000000000003</c:v>
                </c:pt>
                <c:pt idx="187">
                  <c:v>50.929000000000002</c:v>
                </c:pt>
                <c:pt idx="188">
                  <c:v>51.026000000000003</c:v>
                </c:pt>
                <c:pt idx="189">
                  <c:v>51.026000000000003</c:v>
                </c:pt>
                <c:pt idx="190">
                  <c:v>51.026000000000003</c:v>
                </c:pt>
                <c:pt idx="191">
                  <c:v>51.026000000000003</c:v>
                </c:pt>
                <c:pt idx="192">
                  <c:v>51.026000000000003</c:v>
                </c:pt>
                <c:pt idx="193">
                  <c:v>51.026000000000003</c:v>
                </c:pt>
                <c:pt idx="194">
                  <c:v>51.026000000000003</c:v>
                </c:pt>
                <c:pt idx="195">
                  <c:v>51.026000000000003</c:v>
                </c:pt>
                <c:pt idx="196">
                  <c:v>51.026000000000003</c:v>
                </c:pt>
                <c:pt idx="197">
                  <c:v>51.710999999999999</c:v>
                </c:pt>
                <c:pt idx="198">
                  <c:v>51.613</c:v>
                </c:pt>
                <c:pt idx="199">
                  <c:v>51.32</c:v>
                </c:pt>
                <c:pt idx="200">
                  <c:v>51.124000000000002</c:v>
                </c:pt>
                <c:pt idx="201">
                  <c:v>51.124000000000002</c:v>
                </c:pt>
                <c:pt idx="202">
                  <c:v>51.124000000000002</c:v>
                </c:pt>
                <c:pt idx="203">
                  <c:v>51.124000000000002</c:v>
                </c:pt>
                <c:pt idx="204">
                  <c:v>51.124000000000002</c:v>
                </c:pt>
                <c:pt idx="205">
                  <c:v>51.124000000000002</c:v>
                </c:pt>
                <c:pt idx="206">
                  <c:v>51.124000000000002</c:v>
                </c:pt>
                <c:pt idx="207">
                  <c:v>51.124000000000002</c:v>
                </c:pt>
                <c:pt idx="208">
                  <c:v>51.124000000000002</c:v>
                </c:pt>
                <c:pt idx="209">
                  <c:v>51.124000000000002</c:v>
                </c:pt>
                <c:pt idx="210">
                  <c:v>51.124000000000002</c:v>
                </c:pt>
                <c:pt idx="211">
                  <c:v>51.124000000000002</c:v>
                </c:pt>
                <c:pt idx="212">
                  <c:v>51.124000000000002</c:v>
                </c:pt>
                <c:pt idx="213">
                  <c:v>51.124000000000002</c:v>
                </c:pt>
                <c:pt idx="214">
                  <c:v>51.124000000000002</c:v>
                </c:pt>
                <c:pt idx="215">
                  <c:v>51.026000000000003</c:v>
                </c:pt>
                <c:pt idx="216">
                  <c:v>51.124000000000002</c:v>
                </c:pt>
                <c:pt idx="217">
                  <c:v>51.026000000000003</c:v>
                </c:pt>
                <c:pt idx="218">
                  <c:v>51.026000000000003</c:v>
                </c:pt>
                <c:pt idx="219">
                  <c:v>51.026000000000003</c:v>
                </c:pt>
                <c:pt idx="220">
                  <c:v>51.026000000000003</c:v>
                </c:pt>
                <c:pt idx="221">
                  <c:v>51.026000000000003</c:v>
                </c:pt>
                <c:pt idx="222">
                  <c:v>51.026000000000003</c:v>
                </c:pt>
                <c:pt idx="223">
                  <c:v>51.026000000000003</c:v>
                </c:pt>
                <c:pt idx="224">
                  <c:v>51.124000000000002</c:v>
                </c:pt>
                <c:pt idx="225">
                  <c:v>51.124000000000002</c:v>
                </c:pt>
                <c:pt idx="226">
                  <c:v>51.026000000000003</c:v>
                </c:pt>
                <c:pt idx="227">
                  <c:v>51.124000000000002</c:v>
                </c:pt>
                <c:pt idx="228">
                  <c:v>51.026000000000003</c:v>
                </c:pt>
                <c:pt idx="229">
                  <c:v>51.124000000000002</c:v>
                </c:pt>
                <c:pt idx="230">
                  <c:v>51.710999999999999</c:v>
                </c:pt>
                <c:pt idx="231">
                  <c:v>51.808</c:v>
                </c:pt>
                <c:pt idx="232">
                  <c:v>51.808</c:v>
                </c:pt>
                <c:pt idx="233">
                  <c:v>51.905999999999999</c:v>
                </c:pt>
                <c:pt idx="234">
                  <c:v>51.905999999999999</c:v>
                </c:pt>
                <c:pt idx="235">
                  <c:v>51.808</c:v>
                </c:pt>
                <c:pt idx="236">
                  <c:v>51.905999999999999</c:v>
                </c:pt>
                <c:pt idx="237">
                  <c:v>51.905999999999999</c:v>
                </c:pt>
                <c:pt idx="238">
                  <c:v>51.905999999999999</c:v>
                </c:pt>
                <c:pt idx="239">
                  <c:v>51.808</c:v>
                </c:pt>
                <c:pt idx="240">
                  <c:v>51.905999999999999</c:v>
                </c:pt>
                <c:pt idx="241">
                  <c:v>51.808</c:v>
                </c:pt>
                <c:pt idx="242">
                  <c:v>51.808</c:v>
                </c:pt>
                <c:pt idx="243">
                  <c:v>51.808</c:v>
                </c:pt>
                <c:pt idx="244">
                  <c:v>51.808</c:v>
                </c:pt>
                <c:pt idx="245">
                  <c:v>51.808</c:v>
                </c:pt>
                <c:pt idx="246">
                  <c:v>51.808</c:v>
                </c:pt>
                <c:pt idx="247">
                  <c:v>51.905999999999999</c:v>
                </c:pt>
                <c:pt idx="248">
                  <c:v>51.905999999999999</c:v>
                </c:pt>
                <c:pt idx="249">
                  <c:v>51.905999999999999</c:v>
                </c:pt>
                <c:pt idx="250">
                  <c:v>51.905999999999999</c:v>
                </c:pt>
                <c:pt idx="251">
                  <c:v>52.003999999999998</c:v>
                </c:pt>
                <c:pt idx="252">
                  <c:v>52.003999999999998</c:v>
                </c:pt>
                <c:pt idx="253">
                  <c:v>52.101999999999997</c:v>
                </c:pt>
                <c:pt idx="254">
                  <c:v>52.101999999999997</c:v>
                </c:pt>
                <c:pt idx="255">
                  <c:v>52.101999999999997</c:v>
                </c:pt>
                <c:pt idx="256">
                  <c:v>52.101999999999997</c:v>
                </c:pt>
                <c:pt idx="257">
                  <c:v>52.101999999999997</c:v>
                </c:pt>
                <c:pt idx="258">
                  <c:v>52.101999999999997</c:v>
                </c:pt>
                <c:pt idx="259">
                  <c:v>52.101999999999997</c:v>
                </c:pt>
                <c:pt idx="260">
                  <c:v>52.198999999999998</c:v>
                </c:pt>
                <c:pt idx="261">
                  <c:v>52.101999999999997</c:v>
                </c:pt>
                <c:pt idx="262">
                  <c:v>52.101999999999997</c:v>
                </c:pt>
                <c:pt idx="263">
                  <c:v>52.101999999999997</c:v>
                </c:pt>
                <c:pt idx="264">
                  <c:v>52.101999999999997</c:v>
                </c:pt>
                <c:pt idx="265">
                  <c:v>52.003999999999998</c:v>
                </c:pt>
                <c:pt idx="266">
                  <c:v>52.003999999999998</c:v>
                </c:pt>
                <c:pt idx="267">
                  <c:v>52.003999999999998</c:v>
                </c:pt>
                <c:pt idx="268">
                  <c:v>52.003999999999998</c:v>
                </c:pt>
                <c:pt idx="269">
                  <c:v>52.003999999999998</c:v>
                </c:pt>
                <c:pt idx="270">
                  <c:v>52.101999999999997</c:v>
                </c:pt>
                <c:pt idx="271">
                  <c:v>52.003999999999998</c:v>
                </c:pt>
                <c:pt idx="272">
                  <c:v>52.003999999999998</c:v>
                </c:pt>
                <c:pt idx="273">
                  <c:v>52.101999999999997</c:v>
                </c:pt>
                <c:pt idx="274">
                  <c:v>52.101999999999997</c:v>
                </c:pt>
                <c:pt idx="275">
                  <c:v>52.003999999999998</c:v>
                </c:pt>
                <c:pt idx="276">
                  <c:v>52.003999999999998</c:v>
                </c:pt>
                <c:pt idx="277">
                  <c:v>52.003999999999998</c:v>
                </c:pt>
                <c:pt idx="278">
                  <c:v>52.003999999999998</c:v>
                </c:pt>
                <c:pt idx="279">
                  <c:v>52.101999999999997</c:v>
                </c:pt>
                <c:pt idx="280">
                  <c:v>52.101999999999997</c:v>
                </c:pt>
                <c:pt idx="281">
                  <c:v>52.101999999999997</c:v>
                </c:pt>
                <c:pt idx="282">
                  <c:v>52.101999999999997</c:v>
                </c:pt>
                <c:pt idx="283">
                  <c:v>52.101999999999997</c:v>
                </c:pt>
                <c:pt idx="284">
                  <c:v>52.101999999999997</c:v>
                </c:pt>
                <c:pt idx="285">
                  <c:v>52.101999999999997</c:v>
                </c:pt>
                <c:pt idx="286">
                  <c:v>52.198999999999998</c:v>
                </c:pt>
                <c:pt idx="287">
                  <c:v>52.198999999999998</c:v>
                </c:pt>
                <c:pt idx="288">
                  <c:v>52.198999999999998</c:v>
                </c:pt>
                <c:pt idx="289">
                  <c:v>52.198999999999998</c:v>
                </c:pt>
                <c:pt idx="290">
                  <c:v>52.198999999999998</c:v>
                </c:pt>
                <c:pt idx="291">
                  <c:v>52.296999999999997</c:v>
                </c:pt>
                <c:pt idx="292">
                  <c:v>52.198999999999998</c:v>
                </c:pt>
                <c:pt idx="293">
                  <c:v>52.198999999999998</c:v>
                </c:pt>
                <c:pt idx="294">
                  <c:v>52.198999999999998</c:v>
                </c:pt>
                <c:pt idx="295">
                  <c:v>52.101999999999997</c:v>
                </c:pt>
                <c:pt idx="296">
                  <c:v>52.101999999999997</c:v>
                </c:pt>
                <c:pt idx="297">
                  <c:v>52.003999999999998</c:v>
                </c:pt>
                <c:pt idx="298">
                  <c:v>52.003999999999998</c:v>
                </c:pt>
                <c:pt idx="299">
                  <c:v>52.003999999999998</c:v>
                </c:pt>
                <c:pt idx="300">
                  <c:v>52.003999999999998</c:v>
                </c:pt>
                <c:pt idx="301">
                  <c:v>52.003999999999998</c:v>
                </c:pt>
                <c:pt idx="302">
                  <c:v>51.905999999999999</c:v>
                </c:pt>
                <c:pt idx="303">
                  <c:v>52.003999999999998</c:v>
                </c:pt>
                <c:pt idx="304">
                  <c:v>51.905999999999999</c:v>
                </c:pt>
                <c:pt idx="305">
                  <c:v>52.003999999999998</c:v>
                </c:pt>
                <c:pt idx="306">
                  <c:v>51.905999999999999</c:v>
                </c:pt>
                <c:pt idx="307">
                  <c:v>52.003999999999998</c:v>
                </c:pt>
                <c:pt idx="308">
                  <c:v>52.003999999999998</c:v>
                </c:pt>
                <c:pt idx="309">
                  <c:v>52.003999999999998</c:v>
                </c:pt>
                <c:pt idx="310">
                  <c:v>52.003999999999998</c:v>
                </c:pt>
                <c:pt idx="311">
                  <c:v>52.003999999999998</c:v>
                </c:pt>
                <c:pt idx="312">
                  <c:v>52.003999999999998</c:v>
                </c:pt>
                <c:pt idx="313">
                  <c:v>52.003999999999998</c:v>
                </c:pt>
                <c:pt idx="314">
                  <c:v>52.003999999999998</c:v>
                </c:pt>
                <c:pt idx="315">
                  <c:v>52.101999999999997</c:v>
                </c:pt>
                <c:pt idx="316">
                  <c:v>52.003999999999998</c:v>
                </c:pt>
                <c:pt idx="317">
                  <c:v>52.003999999999998</c:v>
                </c:pt>
                <c:pt idx="318">
                  <c:v>52.101999999999997</c:v>
                </c:pt>
                <c:pt idx="319">
                  <c:v>52.101999999999997</c:v>
                </c:pt>
                <c:pt idx="320">
                  <c:v>52.003999999999998</c:v>
                </c:pt>
                <c:pt idx="321">
                  <c:v>52.101999999999997</c:v>
                </c:pt>
                <c:pt idx="322">
                  <c:v>52.003999999999998</c:v>
                </c:pt>
                <c:pt idx="323">
                  <c:v>52.101999999999997</c:v>
                </c:pt>
                <c:pt idx="324">
                  <c:v>52.101999999999997</c:v>
                </c:pt>
                <c:pt idx="325">
                  <c:v>52.101999999999997</c:v>
                </c:pt>
                <c:pt idx="326">
                  <c:v>52.101999999999997</c:v>
                </c:pt>
                <c:pt idx="327">
                  <c:v>52.101999999999997</c:v>
                </c:pt>
                <c:pt idx="328">
                  <c:v>52.003999999999998</c:v>
                </c:pt>
                <c:pt idx="329">
                  <c:v>52.101999999999997</c:v>
                </c:pt>
                <c:pt idx="330">
                  <c:v>52.101999999999997</c:v>
                </c:pt>
                <c:pt idx="331">
                  <c:v>52.101999999999997</c:v>
                </c:pt>
                <c:pt idx="332">
                  <c:v>52.101999999999997</c:v>
                </c:pt>
                <c:pt idx="333">
                  <c:v>52.101999999999997</c:v>
                </c:pt>
                <c:pt idx="334">
                  <c:v>52.101999999999997</c:v>
                </c:pt>
                <c:pt idx="335">
                  <c:v>52.101999999999997</c:v>
                </c:pt>
                <c:pt idx="336">
                  <c:v>52.003999999999998</c:v>
                </c:pt>
                <c:pt idx="337">
                  <c:v>52.101999999999997</c:v>
                </c:pt>
                <c:pt idx="338">
                  <c:v>52.101999999999997</c:v>
                </c:pt>
                <c:pt idx="339">
                  <c:v>52.003999999999998</c:v>
                </c:pt>
                <c:pt idx="340">
                  <c:v>52.003999999999998</c:v>
                </c:pt>
                <c:pt idx="341">
                  <c:v>52.101999999999997</c:v>
                </c:pt>
                <c:pt idx="342">
                  <c:v>52.101999999999997</c:v>
                </c:pt>
                <c:pt idx="343">
                  <c:v>52.101999999999997</c:v>
                </c:pt>
                <c:pt idx="344">
                  <c:v>52.101999999999997</c:v>
                </c:pt>
                <c:pt idx="345">
                  <c:v>52.101999999999997</c:v>
                </c:pt>
                <c:pt idx="346">
                  <c:v>52.101999999999997</c:v>
                </c:pt>
                <c:pt idx="347">
                  <c:v>52.101999999999997</c:v>
                </c:pt>
                <c:pt idx="348">
                  <c:v>52.101999999999997</c:v>
                </c:pt>
                <c:pt idx="349">
                  <c:v>52.198999999999998</c:v>
                </c:pt>
                <c:pt idx="350">
                  <c:v>52.198999999999998</c:v>
                </c:pt>
                <c:pt idx="351">
                  <c:v>52.198999999999998</c:v>
                </c:pt>
                <c:pt idx="352">
                  <c:v>52.198999999999998</c:v>
                </c:pt>
                <c:pt idx="353">
                  <c:v>52.198999999999998</c:v>
                </c:pt>
                <c:pt idx="354">
                  <c:v>52.198999999999998</c:v>
                </c:pt>
                <c:pt idx="355">
                  <c:v>52.198999999999998</c:v>
                </c:pt>
                <c:pt idx="356">
                  <c:v>52.101999999999997</c:v>
                </c:pt>
                <c:pt idx="357">
                  <c:v>52.198999999999998</c:v>
                </c:pt>
                <c:pt idx="358">
                  <c:v>52.296999999999997</c:v>
                </c:pt>
                <c:pt idx="359">
                  <c:v>52.198999999999998</c:v>
                </c:pt>
                <c:pt idx="360">
                  <c:v>52.198999999999998</c:v>
                </c:pt>
                <c:pt idx="361">
                  <c:v>52.198999999999998</c:v>
                </c:pt>
                <c:pt idx="362">
                  <c:v>52.198999999999998</c:v>
                </c:pt>
                <c:pt idx="363">
                  <c:v>52.198999999999998</c:v>
                </c:pt>
                <c:pt idx="364">
                  <c:v>52.198999999999998</c:v>
                </c:pt>
                <c:pt idx="365">
                  <c:v>52.198999999999998</c:v>
                </c:pt>
                <c:pt idx="366">
                  <c:v>52.198999999999998</c:v>
                </c:pt>
                <c:pt idx="367">
                  <c:v>52.198999999999998</c:v>
                </c:pt>
                <c:pt idx="368">
                  <c:v>52.198999999999998</c:v>
                </c:pt>
                <c:pt idx="369">
                  <c:v>52.296999999999997</c:v>
                </c:pt>
                <c:pt idx="370">
                  <c:v>52.198999999999998</c:v>
                </c:pt>
                <c:pt idx="371">
                  <c:v>52.198999999999998</c:v>
                </c:pt>
                <c:pt idx="372">
                  <c:v>52.198999999999998</c:v>
                </c:pt>
                <c:pt idx="373">
                  <c:v>52.198999999999998</c:v>
                </c:pt>
                <c:pt idx="374">
                  <c:v>52.198999999999998</c:v>
                </c:pt>
                <c:pt idx="375">
                  <c:v>52.198999999999998</c:v>
                </c:pt>
                <c:pt idx="376">
                  <c:v>52.198999999999998</c:v>
                </c:pt>
                <c:pt idx="377">
                  <c:v>52.198999999999998</c:v>
                </c:pt>
                <c:pt idx="378">
                  <c:v>52.198999999999998</c:v>
                </c:pt>
                <c:pt idx="379">
                  <c:v>52.59</c:v>
                </c:pt>
                <c:pt idx="380">
                  <c:v>52.493000000000002</c:v>
                </c:pt>
                <c:pt idx="381">
                  <c:v>52.296999999999997</c:v>
                </c:pt>
                <c:pt idx="382">
                  <c:v>52.296999999999997</c:v>
                </c:pt>
                <c:pt idx="383">
                  <c:v>52.395000000000003</c:v>
                </c:pt>
                <c:pt idx="384">
                  <c:v>52.395000000000003</c:v>
                </c:pt>
                <c:pt idx="385">
                  <c:v>52.296999999999997</c:v>
                </c:pt>
                <c:pt idx="386">
                  <c:v>52.296999999999997</c:v>
                </c:pt>
                <c:pt idx="387">
                  <c:v>52.296999999999997</c:v>
                </c:pt>
                <c:pt idx="388">
                  <c:v>52.395000000000003</c:v>
                </c:pt>
                <c:pt idx="389">
                  <c:v>52.395000000000003</c:v>
                </c:pt>
                <c:pt idx="390">
                  <c:v>52.395000000000003</c:v>
                </c:pt>
                <c:pt idx="391">
                  <c:v>52.395000000000003</c:v>
                </c:pt>
                <c:pt idx="392">
                  <c:v>52.786000000000001</c:v>
                </c:pt>
                <c:pt idx="393">
                  <c:v>52.395000000000003</c:v>
                </c:pt>
                <c:pt idx="394">
                  <c:v>52.395000000000003</c:v>
                </c:pt>
                <c:pt idx="395">
                  <c:v>52.688000000000002</c:v>
                </c:pt>
                <c:pt idx="396">
                  <c:v>52.59</c:v>
                </c:pt>
                <c:pt idx="397">
                  <c:v>52.198999999999998</c:v>
                </c:pt>
                <c:pt idx="398">
                  <c:v>52.395000000000003</c:v>
                </c:pt>
                <c:pt idx="399">
                  <c:v>52.395000000000003</c:v>
                </c:pt>
                <c:pt idx="400">
                  <c:v>52.493000000000002</c:v>
                </c:pt>
                <c:pt idx="401">
                  <c:v>52.395000000000003</c:v>
                </c:pt>
                <c:pt idx="402">
                  <c:v>52.395000000000003</c:v>
                </c:pt>
                <c:pt idx="403">
                  <c:v>52.395000000000003</c:v>
                </c:pt>
                <c:pt idx="404">
                  <c:v>52.296999999999997</c:v>
                </c:pt>
                <c:pt idx="405">
                  <c:v>52.296999999999997</c:v>
                </c:pt>
                <c:pt idx="406">
                  <c:v>52.296999999999997</c:v>
                </c:pt>
                <c:pt idx="407">
                  <c:v>52.296999999999997</c:v>
                </c:pt>
                <c:pt idx="408">
                  <c:v>52.296999999999997</c:v>
                </c:pt>
                <c:pt idx="409">
                  <c:v>52.296999999999997</c:v>
                </c:pt>
                <c:pt idx="410">
                  <c:v>52.296999999999997</c:v>
                </c:pt>
                <c:pt idx="411">
                  <c:v>52.296999999999997</c:v>
                </c:pt>
                <c:pt idx="412">
                  <c:v>52.296999999999997</c:v>
                </c:pt>
                <c:pt idx="413">
                  <c:v>52.198999999999998</c:v>
                </c:pt>
                <c:pt idx="414">
                  <c:v>52.296999999999997</c:v>
                </c:pt>
                <c:pt idx="415">
                  <c:v>52.296999999999997</c:v>
                </c:pt>
                <c:pt idx="416">
                  <c:v>52.296999999999997</c:v>
                </c:pt>
                <c:pt idx="417">
                  <c:v>52.296999999999997</c:v>
                </c:pt>
                <c:pt idx="418">
                  <c:v>52.296999999999997</c:v>
                </c:pt>
                <c:pt idx="419">
                  <c:v>52.296999999999997</c:v>
                </c:pt>
                <c:pt idx="420">
                  <c:v>52.395000000000003</c:v>
                </c:pt>
                <c:pt idx="421">
                  <c:v>52.296999999999997</c:v>
                </c:pt>
                <c:pt idx="422">
                  <c:v>52.198999999999998</c:v>
                </c:pt>
                <c:pt idx="423">
                  <c:v>52.296999999999997</c:v>
                </c:pt>
                <c:pt idx="424">
                  <c:v>52.296999999999997</c:v>
                </c:pt>
                <c:pt idx="425">
                  <c:v>52.198999999999998</c:v>
                </c:pt>
                <c:pt idx="426">
                  <c:v>52.198999999999998</c:v>
                </c:pt>
                <c:pt idx="427">
                  <c:v>52.198999999999998</c:v>
                </c:pt>
                <c:pt idx="428">
                  <c:v>52.296999999999997</c:v>
                </c:pt>
                <c:pt idx="429">
                  <c:v>52.296999999999997</c:v>
                </c:pt>
                <c:pt idx="430">
                  <c:v>52.198999999999998</c:v>
                </c:pt>
                <c:pt idx="431">
                  <c:v>52.198999999999998</c:v>
                </c:pt>
                <c:pt idx="432">
                  <c:v>52.198999999999998</c:v>
                </c:pt>
                <c:pt idx="433">
                  <c:v>52.198999999999998</c:v>
                </c:pt>
                <c:pt idx="434">
                  <c:v>52.198999999999998</c:v>
                </c:pt>
                <c:pt idx="435">
                  <c:v>52.198999999999998</c:v>
                </c:pt>
                <c:pt idx="436">
                  <c:v>52.198999999999998</c:v>
                </c:pt>
                <c:pt idx="437">
                  <c:v>52.198999999999998</c:v>
                </c:pt>
                <c:pt idx="438">
                  <c:v>52.198999999999998</c:v>
                </c:pt>
                <c:pt idx="439">
                  <c:v>52.198999999999998</c:v>
                </c:pt>
                <c:pt idx="440">
                  <c:v>52.198999999999998</c:v>
                </c:pt>
                <c:pt idx="441">
                  <c:v>52.198999999999998</c:v>
                </c:pt>
                <c:pt idx="442">
                  <c:v>52.296999999999997</c:v>
                </c:pt>
                <c:pt idx="443">
                  <c:v>52.296999999999997</c:v>
                </c:pt>
                <c:pt idx="444">
                  <c:v>52.296999999999997</c:v>
                </c:pt>
                <c:pt idx="445">
                  <c:v>52.296999999999997</c:v>
                </c:pt>
                <c:pt idx="446">
                  <c:v>52.395000000000003</c:v>
                </c:pt>
                <c:pt idx="447">
                  <c:v>52.395000000000003</c:v>
                </c:pt>
                <c:pt idx="448">
                  <c:v>52.395000000000003</c:v>
                </c:pt>
                <c:pt idx="449">
                  <c:v>52.395000000000003</c:v>
                </c:pt>
                <c:pt idx="450">
                  <c:v>52.493000000000002</c:v>
                </c:pt>
                <c:pt idx="451">
                  <c:v>52.395000000000003</c:v>
                </c:pt>
                <c:pt idx="452">
                  <c:v>52.493000000000002</c:v>
                </c:pt>
                <c:pt idx="453">
                  <c:v>52.493000000000002</c:v>
                </c:pt>
                <c:pt idx="454">
                  <c:v>52.493000000000002</c:v>
                </c:pt>
                <c:pt idx="455">
                  <c:v>52.493000000000002</c:v>
                </c:pt>
                <c:pt idx="456">
                  <c:v>52.493000000000002</c:v>
                </c:pt>
                <c:pt idx="457">
                  <c:v>52.493000000000002</c:v>
                </c:pt>
                <c:pt idx="458">
                  <c:v>52.395000000000003</c:v>
                </c:pt>
                <c:pt idx="459">
                  <c:v>52.493000000000002</c:v>
                </c:pt>
                <c:pt idx="460">
                  <c:v>52.395000000000003</c:v>
                </c:pt>
                <c:pt idx="461">
                  <c:v>52.493000000000002</c:v>
                </c:pt>
                <c:pt idx="462">
                  <c:v>52.493000000000002</c:v>
                </c:pt>
                <c:pt idx="463">
                  <c:v>52.493000000000002</c:v>
                </c:pt>
                <c:pt idx="464">
                  <c:v>52.493000000000002</c:v>
                </c:pt>
                <c:pt idx="465">
                  <c:v>52.493000000000002</c:v>
                </c:pt>
                <c:pt idx="466">
                  <c:v>52.493000000000002</c:v>
                </c:pt>
                <c:pt idx="467">
                  <c:v>52.395000000000003</c:v>
                </c:pt>
                <c:pt idx="468">
                  <c:v>52.493000000000002</c:v>
                </c:pt>
                <c:pt idx="469">
                  <c:v>52.493000000000002</c:v>
                </c:pt>
                <c:pt idx="470">
                  <c:v>52.493000000000002</c:v>
                </c:pt>
                <c:pt idx="471">
                  <c:v>52.395000000000003</c:v>
                </c:pt>
                <c:pt idx="472">
                  <c:v>52.395000000000003</c:v>
                </c:pt>
                <c:pt idx="473">
                  <c:v>52.493000000000002</c:v>
                </c:pt>
                <c:pt idx="474">
                  <c:v>52.493000000000002</c:v>
                </c:pt>
                <c:pt idx="475">
                  <c:v>52.493000000000002</c:v>
                </c:pt>
                <c:pt idx="476">
                  <c:v>52.493000000000002</c:v>
                </c:pt>
                <c:pt idx="477">
                  <c:v>52.493000000000002</c:v>
                </c:pt>
                <c:pt idx="478">
                  <c:v>52.493000000000002</c:v>
                </c:pt>
                <c:pt idx="479">
                  <c:v>52.493000000000002</c:v>
                </c:pt>
                <c:pt idx="480">
                  <c:v>52.493000000000002</c:v>
                </c:pt>
                <c:pt idx="481">
                  <c:v>52.493000000000002</c:v>
                </c:pt>
                <c:pt idx="482">
                  <c:v>52.395000000000003</c:v>
                </c:pt>
                <c:pt idx="483">
                  <c:v>52.395000000000003</c:v>
                </c:pt>
                <c:pt idx="484">
                  <c:v>52.395000000000003</c:v>
                </c:pt>
                <c:pt idx="485">
                  <c:v>52.395000000000003</c:v>
                </c:pt>
                <c:pt idx="486">
                  <c:v>52.395000000000003</c:v>
                </c:pt>
                <c:pt idx="487">
                  <c:v>52.296999999999997</c:v>
                </c:pt>
                <c:pt idx="488">
                  <c:v>52.296999999999997</c:v>
                </c:pt>
                <c:pt idx="489">
                  <c:v>52.198999999999998</c:v>
                </c:pt>
                <c:pt idx="490">
                  <c:v>52.296999999999997</c:v>
                </c:pt>
                <c:pt idx="491">
                  <c:v>52.296999999999997</c:v>
                </c:pt>
                <c:pt idx="492">
                  <c:v>52.198999999999998</c:v>
                </c:pt>
                <c:pt idx="493">
                  <c:v>52.198999999999998</c:v>
                </c:pt>
                <c:pt idx="494">
                  <c:v>52.198999999999998</c:v>
                </c:pt>
                <c:pt idx="495">
                  <c:v>52.296999999999997</c:v>
                </c:pt>
                <c:pt idx="496">
                  <c:v>52.296999999999997</c:v>
                </c:pt>
                <c:pt idx="497">
                  <c:v>52.296999999999997</c:v>
                </c:pt>
                <c:pt idx="498">
                  <c:v>52.198999999999998</c:v>
                </c:pt>
                <c:pt idx="499">
                  <c:v>52.296999999999997</c:v>
                </c:pt>
                <c:pt idx="500">
                  <c:v>52.296999999999997</c:v>
                </c:pt>
                <c:pt idx="501">
                  <c:v>52.296999999999997</c:v>
                </c:pt>
                <c:pt idx="502">
                  <c:v>52.296999999999997</c:v>
                </c:pt>
                <c:pt idx="503">
                  <c:v>52.296999999999997</c:v>
                </c:pt>
                <c:pt idx="504">
                  <c:v>52.296999999999997</c:v>
                </c:pt>
                <c:pt idx="505">
                  <c:v>52.395000000000003</c:v>
                </c:pt>
                <c:pt idx="506">
                  <c:v>52.296999999999997</c:v>
                </c:pt>
                <c:pt idx="507">
                  <c:v>52.395000000000003</c:v>
                </c:pt>
                <c:pt idx="508">
                  <c:v>52.296999999999997</c:v>
                </c:pt>
                <c:pt idx="509">
                  <c:v>52.296999999999997</c:v>
                </c:pt>
                <c:pt idx="510">
                  <c:v>52.395000000000003</c:v>
                </c:pt>
                <c:pt idx="511">
                  <c:v>52.296999999999997</c:v>
                </c:pt>
                <c:pt idx="512">
                  <c:v>52.296999999999997</c:v>
                </c:pt>
                <c:pt idx="513">
                  <c:v>52.296999999999997</c:v>
                </c:pt>
                <c:pt idx="514">
                  <c:v>52.296999999999997</c:v>
                </c:pt>
                <c:pt idx="515">
                  <c:v>52.296999999999997</c:v>
                </c:pt>
                <c:pt idx="516">
                  <c:v>52.198999999999998</c:v>
                </c:pt>
                <c:pt idx="517">
                  <c:v>52.296999999999997</c:v>
                </c:pt>
                <c:pt idx="518">
                  <c:v>52.296999999999997</c:v>
                </c:pt>
                <c:pt idx="519">
                  <c:v>52.296999999999997</c:v>
                </c:pt>
                <c:pt idx="520">
                  <c:v>52.296999999999997</c:v>
                </c:pt>
                <c:pt idx="521">
                  <c:v>52.296999999999997</c:v>
                </c:pt>
                <c:pt idx="522">
                  <c:v>52.296999999999997</c:v>
                </c:pt>
                <c:pt idx="523">
                  <c:v>52.296999999999997</c:v>
                </c:pt>
                <c:pt idx="524">
                  <c:v>52.296999999999997</c:v>
                </c:pt>
                <c:pt idx="525">
                  <c:v>52.296999999999997</c:v>
                </c:pt>
                <c:pt idx="526">
                  <c:v>52.296999999999997</c:v>
                </c:pt>
                <c:pt idx="527">
                  <c:v>52.296999999999997</c:v>
                </c:pt>
                <c:pt idx="528">
                  <c:v>52.395000000000003</c:v>
                </c:pt>
                <c:pt idx="529">
                  <c:v>52.395000000000003</c:v>
                </c:pt>
                <c:pt idx="530">
                  <c:v>52.395000000000003</c:v>
                </c:pt>
                <c:pt idx="531">
                  <c:v>52.493000000000002</c:v>
                </c:pt>
                <c:pt idx="532">
                  <c:v>52.59</c:v>
                </c:pt>
                <c:pt idx="533">
                  <c:v>52.59</c:v>
                </c:pt>
                <c:pt idx="534">
                  <c:v>52.59</c:v>
                </c:pt>
                <c:pt idx="535">
                  <c:v>52.59</c:v>
                </c:pt>
                <c:pt idx="536">
                  <c:v>52.59</c:v>
                </c:pt>
                <c:pt idx="537">
                  <c:v>52.59</c:v>
                </c:pt>
                <c:pt idx="538">
                  <c:v>52.493000000000002</c:v>
                </c:pt>
                <c:pt idx="539">
                  <c:v>52.493000000000002</c:v>
                </c:pt>
                <c:pt idx="540">
                  <c:v>52.493000000000002</c:v>
                </c:pt>
                <c:pt idx="541">
                  <c:v>52.395000000000003</c:v>
                </c:pt>
                <c:pt idx="542">
                  <c:v>52.395000000000003</c:v>
                </c:pt>
                <c:pt idx="543">
                  <c:v>52.395000000000003</c:v>
                </c:pt>
                <c:pt idx="544">
                  <c:v>52.395000000000003</c:v>
                </c:pt>
                <c:pt idx="545">
                  <c:v>52.296999999999997</c:v>
                </c:pt>
                <c:pt idx="546">
                  <c:v>52.395000000000003</c:v>
                </c:pt>
                <c:pt idx="547">
                  <c:v>52.395000000000003</c:v>
                </c:pt>
                <c:pt idx="548">
                  <c:v>52.395000000000003</c:v>
                </c:pt>
                <c:pt idx="549">
                  <c:v>52.296999999999997</c:v>
                </c:pt>
                <c:pt idx="550">
                  <c:v>52.296999999999997</c:v>
                </c:pt>
                <c:pt idx="551">
                  <c:v>52.296999999999997</c:v>
                </c:pt>
                <c:pt idx="552">
                  <c:v>52.395000000000003</c:v>
                </c:pt>
                <c:pt idx="553">
                  <c:v>52.59</c:v>
                </c:pt>
                <c:pt idx="554">
                  <c:v>52.688000000000002</c:v>
                </c:pt>
                <c:pt idx="555">
                  <c:v>52.688000000000002</c:v>
                </c:pt>
                <c:pt idx="556">
                  <c:v>52.786000000000001</c:v>
                </c:pt>
                <c:pt idx="557">
                  <c:v>52.786000000000001</c:v>
                </c:pt>
                <c:pt idx="558">
                  <c:v>52.884</c:v>
                </c:pt>
                <c:pt idx="559">
                  <c:v>52.786000000000001</c:v>
                </c:pt>
                <c:pt idx="560">
                  <c:v>52.786000000000001</c:v>
                </c:pt>
                <c:pt idx="561">
                  <c:v>52.786000000000001</c:v>
                </c:pt>
                <c:pt idx="562">
                  <c:v>52.981000000000002</c:v>
                </c:pt>
                <c:pt idx="563">
                  <c:v>52.884</c:v>
                </c:pt>
                <c:pt idx="564">
                  <c:v>52.786000000000001</c:v>
                </c:pt>
                <c:pt idx="565">
                  <c:v>52.884</c:v>
                </c:pt>
                <c:pt idx="566">
                  <c:v>52.688000000000002</c:v>
                </c:pt>
                <c:pt idx="567">
                  <c:v>52.59</c:v>
                </c:pt>
                <c:pt idx="568">
                  <c:v>52.688000000000002</c:v>
                </c:pt>
                <c:pt idx="569">
                  <c:v>52.688000000000002</c:v>
                </c:pt>
                <c:pt idx="570">
                  <c:v>52.688000000000002</c:v>
                </c:pt>
                <c:pt idx="571">
                  <c:v>52.786000000000001</c:v>
                </c:pt>
                <c:pt idx="572">
                  <c:v>52.688000000000002</c:v>
                </c:pt>
                <c:pt idx="573">
                  <c:v>52.688000000000002</c:v>
                </c:pt>
                <c:pt idx="574">
                  <c:v>52.786000000000001</c:v>
                </c:pt>
                <c:pt idx="575">
                  <c:v>52.688000000000002</c:v>
                </c:pt>
                <c:pt idx="576">
                  <c:v>52.786000000000001</c:v>
                </c:pt>
                <c:pt idx="577">
                  <c:v>52.688000000000002</c:v>
                </c:pt>
                <c:pt idx="578">
                  <c:v>52.786000000000001</c:v>
                </c:pt>
                <c:pt idx="579">
                  <c:v>52.786000000000001</c:v>
                </c:pt>
                <c:pt idx="580">
                  <c:v>52.688000000000002</c:v>
                </c:pt>
                <c:pt idx="581">
                  <c:v>52.688000000000002</c:v>
                </c:pt>
                <c:pt idx="582">
                  <c:v>52.59</c:v>
                </c:pt>
                <c:pt idx="583">
                  <c:v>52.59</c:v>
                </c:pt>
                <c:pt idx="584">
                  <c:v>52.59</c:v>
                </c:pt>
                <c:pt idx="585">
                  <c:v>52.493000000000002</c:v>
                </c:pt>
                <c:pt idx="586">
                  <c:v>52.59</c:v>
                </c:pt>
                <c:pt idx="587">
                  <c:v>52.493000000000002</c:v>
                </c:pt>
                <c:pt idx="588">
                  <c:v>52.395000000000003</c:v>
                </c:pt>
                <c:pt idx="589">
                  <c:v>52.395000000000003</c:v>
                </c:pt>
                <c:pt idx="590">
                  <c:v>52.198999999999998</c:v>
                </c:pt>
                <c:pt idx="591">
                  <c:v>52.198999999999998</c:v>
                </c:pt>
                <c:pt idx="592">
                  <c:v>52.101999999999997</c:v>
                </c:pt>
                <c:pt idx="593">
                  <c:v>52.101999999999997</c:v>
                </c:pt>
                <c:pt idx="594">
                  <c:v>52.101999999999997</c:v>
                </c:pt>
                <c:pt idx="595">
                  <c:v>52.003999999999998</c:v>
                </c:pt>
                <c:pt idx="596">
                  <c:v>52.003999999999998</c:v>
                </c:pt>
                <c:pt idx="597">
                  <c:v>51.905999999999999</c:v>
                </c:pt>
                <c:pt idx="598">
                  <c:v>51.905999999999999</c:v>
                </c:pt>
                <c:pt idx="599">
                  <c:v>51.905999999999999</c:v>
                </c:pt>
                <c:pt idx="600">
                  <c:v>51.905999999999999</c:v>
                </c:pt>
                <c:pt idx="601">
                  <c:v>51.905999999999999</c:v>
                </c:pt>
                <c:pt idx="602">
                  <c:v>51.905999999999999</c:v>
                </c:pt>
                <c:pt idx="603">
                  <c:v>51.905999999999999</c:v>
                </c:pt>
                <c:pt idx="604">
                  <c:v>51.905999999999999</c:v>
                </c:pt>
                <c:pt idx="605">
                  <c:v>51.808</c:v>
                </c:pt>
                <c:pt idx="606">
                  <c:v>51.905999999999999</c:v>
                </c:pt>
                <c:pt idx="607">
                  <c:v>51.905999999999999</c:v>
                </c:pt>
                <c:pt idx="608">
                  <c:v>51.905999999999999</c:v>
                </c:pt>
                <c:pt idx="609">
                  <c:v>52.101999999999997</c:v>
                </c:pt>
                <c:pt idx="610">
                  <c:v>52.101999999999997</c:v>
                </c:pt>
                <c:pt idx="611">
                  <c:v>52.198999999999998</c:v>
                </c:pt>
                <c:pt idx="612">
                  <c:v>52.198999999999998</c:v>
                </c:pt>
                <c:pt idx="613">
                  <c:v>52.101999999999997</c:v>
                </c:pt>
                <c:pt idx="614">
                  <c:v>52.296999999999997</c:v>
                </c:pt>
                <c:pt idx="615">
                  <c:v>52.198999999999998</c:v>
                </c:pt>
                <c:pt idx="616">
                  <c:v>52.296999999999997</c:v>
                </c:pt>
                <c:pt idx="617">
                  <c:v>52.198999999999998</c:v>
                </c:pt>
                <c:pt idx="618">
                  <c:v>52.101999999999997</c:v>
                </c:pt>
                <c:pt idx="619">
                  <c:v>52.101999999999997</c:v>
                </c:pt>
                <c:pt idx="620">
                  <c:v>52.101999999999997</c:v>
                </c:pt>
                <c:pt idx="621">
                  <c:v>52.198999999999998</c:v>
                </c:pt>
                <c:pt idx="622">
                  <c:v>52.003999999999998</c:v>
                </c:pt>
                <c:pt idx="623">
                  <c:v>52.003999999999998</c:v>
                </c:pt>
                <c:pt idx="624">
                  <c:v>52.003999999999998</c:v>
                </c:pt>
                <c:pt idx="625">
                  <c:v>51.905999999999999</c:v>
                </c:pt>
                <c:pt idx="626">
                  <c:v>51.905999999999999</c:v>
                </c:pt>
                <c:pt idx="627">
                  <c:v>51.905999999999999</c:v>
                </c:pt>
                <c:pt idx="628">
                  <c:v>51.905999999999999</c:v>
                </c:pt>
                <c:pt idx="629">
                  <c:v>51.905999999999999</c:v>
                </c:pt>
                <c:pt idx="630">
                  <c:v>51.905999999999999</c:v>
                </c:pt>
                <c:pt idx="631">
                  <c:v>51.905999999999999</c:v>
                </c:pt>
                <c:pt idx="632">
                  <c:v>52.101999999999997</c:v>
                </c:pt>
                <c:pt idx="633">
                  <c:v>52.003999999999998</c:v>
                </c:pt>
                <c:pt idx="634">
                  <c:v>52.003999999999998</c:v>
                </c:pt>
                <c:pt idx="635">
                  <c:v>52.003999999999998</c:v>
                </c:pt>
                <c:pt idx="636">
                  <c:v>52.003999999999998</c:v>
                </c:pt>
                <c:pt idx="637">
                  <c:v>51.710999999999999</c:v>
                </c:pt>
                <c:pt idx="638">
                  <c:v>51.905999999999999</c:v>
                </c:pt>
                <c:pt idx="639">
                  <c:v>52.003999999999998</c:v>
                </c:pt>
                <c:pt idx="640">
                  <c:v>52.003999999999998</c:v>
                </c:pt>
                <c:pt idx="641">
                  <c:v>52.003999999999998</c:v>
                </c:pt>
                <c:pt idx="642">
                  <c:v>52.003999999999998</c:v>
                </c:pt>
                <c:pt idx="643">
                  <c:v>51.905999999999999</c:v>
                </c:pt>
                <c:pt idx="644">
                  <c:v>51.905999999999999</c:v>
                </c:pt>
                <c:pt idx="645">
                  <c:v>52.003999999999998</c:v>
                </c:pt>
                <c:pt idx="646">
                  <c:v>51.905999999999999</c:v>
                </c:pt>
                <c:pt idx="647">
                  <c:v>51.905999999999999</c:v>
                </c:pt>
                <c:pt idx="648">
                  <c:v>51.808</c:v>
                </c:pt>
                <c:pt idx="649">
                  <c:v>51.905999999999999</c:v>
                </c:pt>
                <c:pt idx="650">
                  <c:v>51.905999999999999</c:v>
                </c:pt>
                <c:pt idx="651">
                  <c:v>51.905999999999999</c:v>
                </c:pt>
                <c:pt idx="652">
                  <c:v>51.905999999999999</c:v>
                </c:pt>
                <c:pt idx="653">
                  <c:v>52.101999999999997</c:v>
                </c:pt>
                <c:pt idx="654">
                  <c:v>51.905999999999999</c:v>
                </c:pt>
                <c:pt idx="655">
                  <c:v>51.808</c:v>
                </c:pt>
                <c:pt idx="656">
                  <c:v>51.808</c:v>
                </c:pt>
                <c:pt idx="657">
                  <c:v>51.808</c:v>
                </c:pt>
                <c:pt idx="658">
                  <c:v>51.710999999999999</c:v>
                </c:pt>
                <c:pt idx="659">
                  <c:v>51.808</c:v>
                </c:pt>
                <c:pt idx="660">
                  <c:v>51.808</c:v>
                </c:pt>
                <c:pt idx="661">
                  <c:v>51.808</c:v>
                </c:pt>
                <c:pt idx="662">
                  <c:v>51.710999999999999</c:v>
                </c:pt>
                <c:pt idx="663">
                  <c:v>51.710999999999999</c:v>
                </c:pt>
                <c:pt idx="664">
                  <c:v>51.710999999999999</c:v>
                </c:pt>
                <c:pt idx="665">
                  <c:v>51.710999999999999</c:v>
                </c:pt>
                <c:pt idx="666">
                  <c:v>51.808</c:v>
                </c:pt>
                <c:pt idx="667">
                  <c:v>51.710999999999999</c:v>
                </c:pt>
                <c:pt idx="668">
                  <c:v>51.710999999999999</c:v>
                </c:pt>
                <c:pt idx="669">
                  <c:v>51.808</c:v>
                </c:pt>
                <c:pt idx="670">
                  <c:v>51.710999999999999</c:v>
                </c:pt>
                <c:pt idx="671">
                  <c:v>51.710999999999999</c:v>
                </c:pt>
                <c:pt idx="672">
                  <c:v>51.710999999999999</c:v>
                </c:pt>
                <c:pt idx="673">
                  <c:v>51.808</c:v>
                </c:pt>
                <c:pt idx="674">
                  <c:v>51.710999999999999</c:v>
                </c:pt>
                <c:pt idx="675">
                  <c:v>51.808</c:v>
                </c:pt>
                <c:pt idx="676">
                  <c:v>51.808</c:v>
                </c:pt>
                <c:pt idx="677">
                  <c:v>51.710999999999999</c:v>
                </c:pt>
                <c:pt idx="678">
                  <c:v>51.710999999999999</c:v>
                </c:pt>
                <c:pt idx="679">
                  <c:v>51.808</c:v>
                </c:pt>
                <c:pt idx="680">
                  <c:v>51.808</c:v>
                </c:pt>
                <c:pt idx="681">
                  <c:v>51.808</c:v>
                </c:pt>
                <c:pt idx="682">
                  <c:v>51.808</c:v>
                </c:pt>
                <c:pt idx="683">
                  <c:v>51.808</c:v>
                </c:pt>
                <c:pt idx="684">
                  <c:v>51.808</c:v>
                </c:pt>
                <c:pt idx="685">
                  <c:v>51.905999999999999</c:v>
                </c:pt>
                <c:pt idx="686">
                  <c:v>51.808</c:v>
                </c:pt>
                <c:pt idx="687">
                  <c:v>51.905999999999999</c:v>
                </c:pt>
                <c:pt idx="688">
                  <c:v>51.905999999999999</c:v>
                </c:pt>
                <c:pt idx="689">
                  <c:v>51.905999999999999</c:v>
                </c:pt>
                <c:pt idx="690">
                  <c:v>52.003999999999998</c:v>
                </c:pt>
                <c:pt idx="691">
                  <c:v>52.101999999999997</c:v>
                </c:pt>
                <c:pt idx="692">
                  <c:v>52.101999999999997</c:v>
                </c:pt>
                <c:pt idx="693">
                  <c:v>52.003999999999998</c:v>
                </c:pt>
                <c:pt idx="694">
                  <c:v>52.003999999999998</c:v>
                </c:pt>
                <c:pt idx="695">
                  <c:v>52.003999999999998</c:v>
                </c:pt>
                <c:pt idx="696">
                  <c:v>52.003999999999998</c:v>
                </c:pt>
                <c:pt idx="697">
                  <c:v>51.905999999999999</c:v>
                </c:pt>
                <c:pt idx="698">
                  <c:v>51.905999999999999</c:v>
                </c:pt>
                <c:pt idx="699">
                  <c:v>52.101999999999997</c:v>
                </c:pt>
                <c:pt idx="700">
                  <c:v>52.003999999999998</c:v>
                </c:pt>
                <c:pt idx="701">
                  <c:v>52.003999999999998</c:v>
                </c:pt>
                <c:pt idx="702">
                  <c:v>52.003999999999998</c:v>
                </c:pt>
                <c:pt idx="703">
                  <c:v>52.003999999999998</c:v>
                </c:pt>
                <c:pt idx="704">
                  <c:v>52.101999999999997</c:v>
                </c:pt>
                <c:pt idx="705">
                  <c:v>51.905999999999999</c:v>
                </c:pt>
                <c:pt idx="706">
                  <c:v>51.905999999999999</c:v>
                </c:pt>
                <c:pt idx="707">
                  <c:v>51.905999999999999</c:v>
                </c:pt>
                <c:pt idx="708">
                  <c:v>51.905999999999999</c:v>
                </c:pt>
                <c:pt idx="709">
                  <c:v>51.905999999999999</c:v>
                </c:pt>
                <c:pt idx="710">
                  <c:v>51.905999999999999</c:v>
                </c:pt>
                <c:pt idx="711">
                  <c:v>51.905999999999999</c:v>
                </c:pt>
                <c:pt idx="712">
                  <c:v>52.003999999999998</c:v>
                </c:pt>
                <c:pt idx="713">
                  <c:v>51.905999999999999</c:v>
                </c:pt>
                <c:pt idx="714">
                  <c:v>51.808</c:v>
                </c:pt>
                <c:pt idx="715">
                  <c:v>51.808</c:v>
                </c:pt>
                <c:pt idx="716">
                  <c:v>51.808</c:v>
                </c:pt>
                <c:pt idx="717">
                  <c:v>51.905999999999999</c:v>
                </c:pt>
                <c:pt idx="718">
                  <c:v>51.808</c:v>
                </c:pt>
                <c:pt idx="719">
                  <c:v>51.808</c:v>
                </c:pt>
                <c:pt idx="720">
                  <c:v>51.808</c:v>
                </c:pt>
                <c:pt idx="721">
                  <c:v>51.808</c:v>
                </c:pt>
                <c:pt idx="722">
                  <c:v>51.808</c:v>
                </c:pt>
                <c:pt idx="723">
                  <c:v>51.808</c:v>
                </c:pt>
                <c:pt idx="724">
                  <c:v>51.905999999999999</c:v>
                </c:pt>
                <c:pt idx="725">
                  <c:v>52.003999999999998</c:v>
                </c:pt>
                <c:pt idx="726">
                  <c:v>51.808</c:v>
                </c:pt>
                <c:pt idx="727">
                  <c:v>51.905999999999999</c:v>
                </c:pt>
                <c:pt idx="728">
                  <c:v>51.905999999999999</c:v>
                </c:pt>
                <c:pt idx="729">
                  <c:v>51.808</c:v>
                </c:pt>
                <c:pt idx="730">
                  <c:v>52.003999999999998</c:v>
                </c:pt>
                <c:pt idx="731">
                  <c:v>51.905999999999999</c:v>
                </c:pt>
                <c:pt idx="732">
                  <c:v>52.003999999999998</c:v>
                </c:pt>
                <c:pt idx="733">
                  <c:v>51.905999999999999</c:v>
                </c:pt>
                <c:pt idx="734">
                  <c:v>51.808</c:v>
                </c:pt>
                <c:pt idx="735">
                  <c:v>51.905999999999999</c:v>
                </c:pt>
                <c:pt idx="736">
                  <c:v>51.905999999999999</c:v>
                </c:pt>
                <c:pt idx="737">
                  <c:v>51.905999999999999</c:v>
                </c:pt>
                <c:pt idx="738">
                  <c:v>51.905999999999999</c:v>
                </c:pt>
                <c:pt idx="739">
                  <c:v>51.905999999999999</c:v>
                </c:pt>
                <c:pt idx="740">
                  <c:v>51.905999999999999</c:v>
                </c:pt>
                <c:pt idx="741">
                  <c:v>51.905999999999999</c:v>
                </c:pt>
                <c:pt idx="742">
                  <c:v>51.905999999999999</c:v>
                </c:pt>
                <c:pt idx="743">
                  <c:v>51.808</c:v>
                </c:pt>
                <c:pt idx="744">
                  <c:v>51.905999999999999</c:v>
                </c:pt>
                <c:pt idx="745">
                  <c:v>51.905999999999999</c:v>
                </c:pt>
                <c:pt idx="746">
                  <c:v>51.808</c:v>
                </c:pt>
                <c:pt idx="747">
                  <c:v>51.808</c:v>
                </c:pt>
                <c:pt idx="748">
                  <c:v>51.808</c:v>
                </c:pt>
                <c:pt idx="749">
                  <c:v>51.808</c:v>
                </c:pt>
                <c:pt idx="750">
                  <c:v>51.905999999999999</c:v>
                </c:pt>
                <c:pt idx="751">
                  <c:v>51.808</c:v>
                </c:pt>
                <c:pt idx="752">
                  <c:v>51.808</c:v>
                </c:pt>
                <c:pt idx="753">
                  <c:v>51.808</c:v>
                </c:pt>
                <c:pt idx="754">
                  <c:v>51.808</c:v>
                </c:pt>
                <c:pt idx="755">
                  <c:v>51.905999999999999</c:v>
                </c:pt>
                <c:pt idx="756">
                  <c:v>52.003999999999998</c:v>
                </c:pt>
                <c:pt idx="757">
                  <c:v>51.905999999999999</c:v>
                </c:pt>
                <c:pt idx="758">
                  <c:v>51.905999999999999</c:v>
                </c:pt>
                <c:pt idx="759">
                  <c:v>51.905999999999999</c:v>
                </c:pt>
                <c:pt idx="760">
                  <c:v>51.808</c:v>
                </c:pt>
                <c:pt idx="761">
                  <c:v>51.905999999999999</c:v>
                </c:pt>
                <c:pt idx="762">
                  <c:v>51.905999999999999</c:v>
                </c:pt>
                <c:pt idx="763">
                  <c:v>51.905999999999999</c:v>
                </c:pt>
                <c:pt idx="764">
                  <c:v>51.905999999999999</c:v>
                </c:pt>
                <c:pt idx="765">
                  <c:v>52.003999999999998</c:v>
                </c:pt>
                <c:pt idx="766">
                  <c:v>52.003999999999998</c:v>
                </c:pt>
                <c:pt idx="767">
                  <c:v>52.003999999999998</c:v>
                </c:pt>
                <c:pt idx="768">
                  <c:v>52.003999999999998</c:v>
                </c:pt>
                <c:pt idx="769">
                  <c:v>51.905999999999999</c:v>
                </c:pt>
                <c:pt idx="770">
                  <c:v>51.905999999999999</c:v>
                </c:pt>
                <c:pt idx="771">
                  <c:v>51.808</c:v>
                </c:pt>
                <c:pt idx="772">
                  <c:v>51.808</c:v>
                </c:pt>
                <c:pt idx="773">
                  <c:v>52.003999999999998</c:v>
                </c:pt>
                <c:pt idx="774">
                  <c:v>52.003999999999998</c:v>
                </c:pt>
                <c:pt idx="775">
                  <c:v>51.905999999999999</c:v>
                </c:pt>
                <c:pt idx="776">
                  <c:v>51.905999999999999</c:v>
                </c:pt>
                <c:pt idx="777">
                  <c:v>51.905999999999999</c:v>
                </c:pt>
                <c:pt idx="778">
                  <c:v>51.905999999999999</c:v>
                </c:pt>
                <c:pt idx="779">
                  <c:v>51.905999999999999</c:v>
                </c:pt>
                <c:pt idx="780">
                  <c:v>51.905999999999999</c:v>
                </c:pt>
                <c:pt idx="781">
                  <c:v>51.905999999999999</c:v>
                </c:pt>
                <c:pt idx="782">
                  <c:v>51.905999999999999</c:v>
                </c:pt>
                <c:pt idx="783">
                  <c:v>51.808</c:v>
                </c:pt>
                <c:pt idx="784">
                  <c:v>51.808</c:v>
                </c:pt>
                <c:pt idx="785">
                  <c:v>51.905999999999999</c:v>
                </c:pt>
                <c:pt idx="786">
                  <c:v>51.808</c:v>
                </c:pt>
                <c:pt idx="787">
                  <c:v>52.003999999999998</c:v>
                </c:pt>
                <c:pt idx="788">
                  <c:v>52.003999999999998</c:v>
                </c:pt>
                <c:pt idx="789">
                  <c:v>52.101999999999997</c:v>
                </c:pt>
                <c:pt idx="790">
                  <c:v>52.101999999999997</c:v>
                </c:pt>
                <c:pt idx="791">
                  <c:v>52.101999999999997</c:v>
                </c:pt>
                <c:pt idx="792">
                  <c:v>52.003999999999998</c:v>
                </c:pt>
                <c:pt idx="793">
                  <c:v>52.003999999999998</c:v>
                </c:pt>
                <c:pt idx="794">
                  <c:v>52.003999999999998</c:v>
                </c:pt>
                <c:pt idx="795">
                  <c:v>52.101999999999997</c:v>
                </c:pt>
                <c:pt idx="796">
                  <c:v>52.101999999999997</c:v>
                </c:pt>
                <c:pt idx="797">
                  <c:v>52.003999999999998</c:v>
                </c:pt>
                <c:pt idx="798">
                  <c:v>51.905999999999999</c:v>
                </c:pt>
                <c:pt idx="799">
                  <c:v>51.905999999999999</c:v>
                </c:pt>
                <c:pt idx="800">
                  <c:v>52.003999999999998</c:v>
                </c:pt>
                <c:pt idx="801">
                  <c:v>51.905999999999999</c:v>
                </c:pt>
                <c:pt idx="802">
                  <c:v>51.905999999999999</c:v>
                </c:pt>
                <c:pt idx="803">
                  <c:v>52.003999999999998</c:v>
                </c:pt>
                <c:pt idx="804">
                  <c:v>51.905999999999999</c:v>
                </c:pt>
                <c:pt idx="805">
                  <c:v>52.003999999999998</c:v>
                </c:pt>
                <c:pt idx="806">
                  <c:v>51.808</c:v>
                </c:pt>
                <c:pt idx="807">
                  <c:v>51.905999999999999</c:v>
                </c:pt>
                <c:pt idx="808">
                  <c:v>51.808</c:v>
                </c:pt>
                <c:pt idx="809">
                  <c:v>51.808</c:v>
                </c:pt>
                <c:pt idx="810">
                  <c:v>51.808</c:v>
                </c:pt>
                <c:pt idx="811">
                  <c:v>51.905999999999999</c:v>
                </c:pt>
                <c:pt idx="812">
                  <c:v>51.905999999999999</c:v>
                </c:pt>
                <c:pt idx="813">
                  <c:v>51.905999999999999</c:v>
                </c:pt>
                <c:pt idx="814">
                  <c:v>51.905999999999999</c:v>
                </c:pt>
                <c:pt idx="815">
                  <c:v>51.905999999999999</c:v>
                </c:pt>
                <c:pt idx="816">
                  <c:v>51.905999999999999</c:v>
                </c:pt>
                <c:pt idx="817">
                  <c:v>51.905999999999999</c:v>
                </c:pt>
                <c:pt idx="818">
                  <c:v>51.905999999999999</c:v>
                </c:pt>
                <c:pt idx="819">
                  <c:v>51.905999999999999</c:v>
                </c:pt>
                <c:pt idx="820">
                  <c:v>51.905999999999999</c:v>
                </c:pt>
                <c:pt idx="821">
                  <c:v>51.905999999999999</c:v>
                </c:pt>
                <c:pt idx="822">
                  <c:v>51.905999999999999</c:v>
                </c:pt>
                <c:pt idx="823">
                  <c:v>51.905999999999999</c:v>
                </c:pt>
                <c:pt idx="824">
                  <c:v>52.003999999999998</c:v>
                </c:pt>
                <c:pt idx="825">
                  <c:v>51.905999999999999</c:v>
                </c:pt>
                <c:pt idx="826">
                  <c:v>52.003999999999998</c:v>
                </c:pt>
                <c:pt idx="827">
                  <c:v>52.101999999999997</c:v>
                </c:pt>
                <c:pt idx="828">
                  <c:v>52.003999999999998</c:v>
                </c:pt>
                <c:pt idx="829">
                  <c:v>52.003999999999998</c:v>
                </c:pt>
                <c:pt idx="830">
                  <c:v>52.101999999999997</c:v>
                </c:pt>
                <c:pt idx="831">
                  <c:v>52.101999999999997</c:v>
                </c:pt>
                <c:pt idx="832">
                  <c:v>52.003999999999998</c:v>
                </c:pt>
                <c:pt idx="833">
                  <c:v>52.003999999999998</c:v>
                </c:pt>
                <c:pt idx="834">
                  <c:v>51.905999999999999</c:v>
                </c:pt>
                <c:pt idx="835">
                  <c:v>52.003999999999998</c:v>
                </c:pt>
                <c:pt idx="836">
                  <c:v>52.101999999999997</c:v>
                </c:pt>
                <c:pt idx="837">
                  <c:v>52.101999999999997</c:v>
                </c:pt>
                <c:pt idx="838">
                  <c:v>52.101999999999997</c:v>
                </c:pt>
                <c:pt idx="839">
                  <c:v>52.101999999999997</c:v>
                </c:pt>
                <c:pt idx="840">
                  <c:v>52.101999999999997</c:v>
                </c:pt>
                <c:pt idx="841">
                  <c:v>52.003999999999998</c:v>
                </c:pt>
                <c:pt idx="842">
                  <c:v>52.003999999999998</c:v>
                </c:pt>
                <c:pt idx="843">
                  <c:v>52.003999999999998</c:v>
                </c:pt>
                <c:pt idx="844">
                  <c:v>52.101999999999997</c:v>
                </c:pt>
                <c:pt idx="845">
                  <c:v>52.003999999999998</c:v>
                </c:pt>
                <c:pt idx="846">
                  <c:v>52.003999999999998</c:v>
                </c:pt>
                <c:pt idx="847">
                  <c:v>52.101999999999997</c:v>
                </c:pt>
                <c:pt idx="848">
                  <c:v>52.003999999999998</c:v>
                </c:pt>
                <c:pt idx="849">
                  <c:v>51.905999999999999</c:v>
                </c:pt>
                <c:pt idx="850">
                  <c:v>52.003999999999998</c:v>
                </c:pt>
                <c:pt idx="851">
                  <c:v>51.905999999999999</c:v>
                </c:pt>
                <c:pt idx="852">
                  <c:v>51.905999999999999</c:v>
                </c:pt>
                <c:pt idx="853">
                  <c:v>51.808</c:v>
                </c:pt>
                <c:pt idx="854">
                  <c:v>51.808</c:v>
                </c:pt>
                <c:pt idx="855">
                  <c:v>51.905999999999999</c:v>
                </c:pt>
                <c:pt idx="856">
                  <c:v>51.905999999999999</c:v>
                </c:pt>
                <c:pt idx="857">
                  <c:v>51.905999999999999</c:v>
                </c:pt>
                <c:pt idx="858">
                  <c:v>52.003999999999998</c:v>
                </c:pt>
                <c:pt idx="859">
                  <c:v>52.003999999999998</c:v>
                </c:pt>
                <c:pt idx="860">
                  <c:v>52.003999999999998</c:v>
                </c:pt>
                <c:pt idx="861">
                  <c:v>52.003999999999998</c:v>
                </c:pt>
                <c:pt idx="862">
                  <c:v>52.003999999999998</c:v>
                </c:pt>
                <c:pt idx="863">
                  <c:v>52.101999999999997</c:v>
                </c:pt>
                <c:pt idx="864">
                  <c:v>52.101999999999997</c:v>
                </c:pt>
                <c:pt idx="865">
                  <c:v>52.003999999999998</c:v>
                </c:pt>
                <c:pt idx="866">
                  <c:v>52.003999999999998</c:v>
                </c:pt>
                <c:pt idx="867">
                  <c:v>52.003999999999998</c:v>
                </c:pt>
                <c:pt idx="868">
                  <c:v>52.003999999999998</c:v>
                </c:pt>
                <c:pt idx="869">
                  <c:v>52.003999999999998</c:v>
                </c:pt>
                <c:pt idx="870">
                  <c:v>51.905999999999999</c:v>
                </c:pt>
                <c:pt idx="871">
                  <c:v>52.003999999999998</c:v>
                </c:pt>
                <c:pt idx="872">
                  <c:v>52.003999999999998</c:v>
                </c:pt>
                <c:pt idx="873">
                  <c:v>52.003999999999998</c:v>
                </c:pt>
                <c:pt idx="874">
                  <c:v>52.003999999999998</c:v>
                </c:pt>
                <c:pt idx="875">
                  <c:v>52.101999999999997</c:v>
                </c:pt>
                <c:pt idx="876">
                  <c:v>52.003999999999998</c:v>
                </c:pt>
                <c:pt idx="877">
                  <c:v>52.003999999999998</c:v>
                </c:pt>
                <c:pt idx="878">
                  <c:v>52.101999999999997</c:v>
                </c:pt>
                <c:pt idx="879">
                  <c:v>52.003999999999998</c:v>
                </c:pt>
                <c:pt idx="880">
                  <c:v>52.003999999999998</c:v>
                </c:pt>
                <c:pt idx="881">
                  <c:v>52.101999999999997</c:v>
                </c:pt>
                <c:pt idx="882">
                  <c:v>52.101999999999997</c:v>
                </c:pt>
                <c:pt idx="883">
                  <c:v>52.101999999999997</c:v>
                </c:pt>
                <c:pt idx="884">
                  <c:v>52.003999999999998</c:v>
                </c:pt>
                <c:pt idx="885">
                  <c:v>52.003999999999998</c:v>
                </c:pt>
                <c:pt idx="886">
                  <c:v>52.003999999999998</c:v>
                </c:pt>
                <c:pt idx="887">
                  <c:v>52.003999999999998</c:v>
                </c:pt>
                <c:pt idx="888">
                  <c:v>52.003999999999998</c:v>
                </c:pt>
                <c:pt idx="889">
                  <c:v>52.003999999999998</c:v>
                </c:pt>
                <c:pt idx="890">
                  <c:v>52.003999999999998</c:v>
                </c:pt>
                <c:pt idx="891">
                  <c:v>52.003999999999998</c:v>
                </c:pt>
                <c:pt idx="892">
                  <c:v>51.905999999999999</c:v>
                </c:pt>
                <c:pt idx="893">
                  <c:v>52.003999999999998</c:v>
                </c:pt>
                <c:pt idx="894">
                  <c:v>51.905999999999999</c:v>
                </c:pt>
                <c:pt idx="895">
                  <c:v>51.905999999999999</c:v>
                </c:pt>
                <c:pt idx="896">
                  <c:v>51.905999999999999</c:v>
                </c:pt>
                <c:pt idx="897">
                  <c:v>51.905999999999999</c:v>
                </c:pt>
                <c:pt idx="898">
                  <c:v>51.808</c:v>
                </c:pt>
                <c:pt idx="899">
                  <c:v>51.905999999999999</c:v>
                </c:pt>
                <c:pt idx="900">
                  <c:v>51.905999999999999</c:v>
                </c:pt>
                <c:pt idx="901">
                  <c:v>51.905999999999999</c:v>
                </c:pt>
                <c:pt idx="902">
                  <c:v>51.905999999999999</c:v>
                </c:pt>
                <c:pt idx="903">
                  <c:v>51.905999999999999</c:v>
                </c:pt>
                <c:pt idx="904">
                  <c:v>51.905999999999999</c:v>
                </c:pt>
                <c:pt idx="905">
                  <c:v>52.003999999999998</c:v>
                </c:pt>
                <c:pt idx="906">
                  <c:v>52.003999999999998</c:v>
                </c:pt>
                <c:pt idx="907">
                  <c:v>52.003999999999998</c:v>
                </c:pt>
                <c:pt idx="908">
                  <c:v>52.101999999999997</c:v>
                </c:pt>
                <c:pt idx="909">
                  <c:v>52.101999999999997</c:v>
                </c:pt>
                <c:pt idx="910">
                  <c:v>52.003999999999998</c:v>
                </c:pt>
                <c:pt idx="911">
                  <c:v>52.101999999999997</c:v>
                </c:pt>
                <c:pt idx="912">
                  <c:v>52.101999999999997</c:v>
                </c:pt>
                <c:pt idx="913">
                  <c:v>52.198999999999998</c:v>
                </c:pt>
                <c:pt idx="914">
                  <c:v>52.101999999999997</c:v>
                </c:pt>
                <c:pt idx="915">
                  <c:v>52.101999999999997</c:v>
                </c:pt>
                <c:pt idx="916">
                  <c:v>52.101999999999997</c:v>
                </c:pt>
                <c:pt idx="917">
                  <c:v>52.003999999999998</c:v>
                </c:pt>
                <c:pt idx="918">
                  <c:v>52.101999999999997</c:v>
                </c:pt>
                <c:pt idx="919">
                  <c:v>51.905999999999999</c:v>
                </c:pt>
                <c:pt idx="920">
                  <c:v>51.905999999999999</c:v>
                </c:pt>
                <c:pt idx="921">
                  <c:v>52.003999999999998</c:v>
                </c:pt>
                <c:pt idx="922">
                  <c:v>52.003999999999998</c:v>
                </c:pt>
                <c:pt idx="923">
                  <c:v>51.905999999999999</c:v>
                </c:pt>
                <c:pt idx="924">
                  <c:v>51.905999999999999</c:v>
                </c:pt>
                <c:pt idx="925">
                  <c:v>51.905999999999999</c:v>
                </c:pt>
                <c:pt idx="926">
                  <c:v>52.003999999999998</c:v>
                </c:pt>
                <c:pt idx="927">
                  <c:v>52.003999999999998</c:v>
                </c:pt>
                <c:pt idx="928">
                  <c:v>52.101999999999997</c:v>
                </c:pt>
                <c:pt idx="929">
                  <c:v>52.101999999999997</c:v>
                </c:pt>
                <c:pt idx="930">
                  <c:v>52.101999999999997</c:v>
                </c:pt>
                <c:pt idx="931">
                  <c:v>52.101999999999997</c:v>
                </c:pt>
                <c:pt idx="932">
                  <c:v>52.101999999999997</c:v>
                </c:pt>
                <c:pt idx="933">
                  <c:v>52.003999999999998</c:v>
                </c:pt>
                <c:pt idx="934">
                  <c:v>52.101999999999997</c:v>
                </c:pt>
                <c:pt idx="935">
                  <c:v>52.101999999999997</c:v>
                </c:pt>
                <c:pt idx="936">
                  <c:v>52.101999999999997</c:v>
                </c:pt>
                <c:pt idx="937">
                  <c:v>52.101999999999997</c:v>
                </c:pt>
                <c:pt idx="938">
                  <c:v>52.101999999999997</c:v>
                </c:pt>
                <c:pt idx="939">
                  <c:v>52.101999999999997</c:v>
                </c:pt>
                <c:pt idx="940">
                  <c:v>52.101999999999997</c:v>
                </c:pt>
                <c:pt idx="941">
                  <c:v>52.003999999999998</c:v>
                </c:pt>
                <c:pt idx="942">
                  <c:v>52.101999999999997</c:v>
                </c:pt>
                <c:pt idx="943">
                  <c:v>52.101999999999997</c:v>
                </c:pt>
                <c:pt idx="944">
                  <c:v>52.101999999999997</c:v>
                </c:pt>
                <c:pt idx="945">
                  <c:v>52.101999999999997</c:v>
                </c:pt>
                <c:pt idx="946">
                  <c:v>52.101999999999997</c:v>
                </c:pt>
                <c:pt idx="947">
                  <c:v>52.101999999999997</c:v>
                </c:pt>
                <c:pt idx="948">
                  <c:v>52.198999999999998</c:v>
                </c:pt>
                <c:pt idx="949">
                  <c:v>52.101999999999997</c:v>
                </c:pt>
                <c:pt idx="950">
                  <c:v>52.003999999999998</c:v>
                </c:pt>
                <c:pt idx="951">
                  <c:v>52.101999999999997</c:v>
                </c:pt>
                <c:pt idx="952">
                  <c:v>52.003999999999998</c:v>
                </c:pt>
                <c:pt idx="953">
                  <c:v>52.101999999999997</c:v>
                </c:pt>
                <c:pt idx="954">
                  <c:v>52.003999999999998</c:v>
                </c:pt>
                <c:pt idx="955">
                  <c:v>52.003999999999998</c:v>
                </c:pt>
                <c:pt idx="956">
                  <c:v>52.003999999999998</c:v>
                </c:pt>
                <c:pt idx="957">
                  <c:v>52.003999999999998</c:v>
                </c:pt>
                <c:pt idx="958">
                  <c:v>52.003999999999998</c:v>
                </c:pt>
                <c:pt idx="959">
                  <c:v>52.003999999999998</c:v>
                </c:pt>
                <c:pt idx="960">
                  <c:v>51.905999999999999</c:v>
                </c:pt>
                <c:pt idx="961">
                  <c:v>52.003999999999998</c:v>
                </c:pt>
                <c:pt idx="962">
                  <c:v>51.905999999999999</c:v>
                </c:pt>
                <c:pt idx="963">
                  <c:v>52.003999999999998</c:v>
                </c:pt>
                <c:pt idx="964">
                  <c:v>52.003999999999998</c:v>
                </c:pt>
                <c:pt idx="965">
                  <c:v>52.003999999999998</c:v>
                </c:pt>
                <c:pt idx="966">
                  <c:v>52.003999999999998</c:v>
                </c:pt>
                <c:pt idx="967">
                  <c:v>52.003999999999998</c:v>
                </c:pt>
                <c:pt idx="968">
                  <c:v>51.905999999999999</c:v>
                </c:pt>
                <c:pt idx="969">
                  <c:v>52.003999999999998</c:v>
                </c:pt>
                <c:pt idx="970">
                  <c:v>52.003999999999998</c:v>
                </c:pt>
                <c:pt idx="971">
                  <c:v>51.905999999999999</c:v>
                </c:pt>
                <c:pt idx="972">
                  <c:v>52.003999999999998</c:v>
                </c:pt>
                <c:pt idx="973">
                  <c:v>52.003999999999998</c:v>
                </c:pt>
                <c:pt idx="974">
                  <c:v>52.003999999999998</c:v>
                </c:pt>
                <c:pt idx="975">
                  <c:v>52.003999999999998</c:v>
                </c:pt>
                <c:pt idx="976">
                  <c:v>52.003999999999998</c:v>
                </c:pt>
                <c:pt idx="977">
                  <c:v>52.101999999999997</c:v>
                </c:pt>
                <c:pt idx="978">
                  <c:v>52.198999999999998</c:v>
                </c:pt>
                <c:pt idx="979">
                  <c:v>52.198999999999998</c:v>
                </c:pt>
                <c:pt idx="980">
                  <c:v>52.296999999999997</c:v>
                </c:pt>
                <c:pt idx="981">
                  <c:v>52.296999999999997</c:v>
                </c:pt>
                <c:pt idx="982">
                  <c:v>52.296999999999997</c:v>
                </c:pt>
                <c:pt idx="983">
                  <c:v>52.296999999999997</c:v>
                </c:pt>
                <c:pt idx="984">
                  <c:v>52.296999999999997</c:v>
                </c:pt>
                <c:pt idx="985">
                  <c:v>52.198999999999998</c:v>
                </c:pt>
                <c:pt idx="986">
                  <c:v>52.296999999999997</c:v>
                </c:pt>
                <c:pt idx="987">
                  <c:v>52.395000000000003</c:v>
                </c:pt>
                <c:pt idx="988">
                  <c:v>52.198999999999998</c:v>
                </c:pt>
                <c:pt idx="989">
                  <c:v>52.296999999999997</c:v>
                </c:pt>
                <c:pt idx="990">
                  <c:v>52.296999999999997</c:v>
                </c:pt>
                <c:pt idx="991">
                  <c:v>52.296999999999997</c:v>
                </c:pt>
                <c:pt idx="992">
                  <c:v>52.296999999999997</c:v>
                </c:pt>
                <c:pt idx="993">
                  <c:v>52.395000000000003</c:v>
                </c:pt>
                <c:pt idx="994">
                  <c:v>52.395000000000003</c:v>
                </c:pt>
                <c:pt idx="995">
                  <c:v>52.296999999999997</c:v>
                </c:pt>
                <c:pt idx="996">
                  <c:v>52.198999999999998</c:v>
                </c:pt>
                <c:pt idx="997">
                  <c:v>52.296999999999997</c:v>
                </c:pt>
                <c:pt idx="998">
                  <c:v>52.296999999999997</c:v>
                </c:pt>
                <c:pt idx="999">
                  <c:v>52.198999999999998</c:v>
                </c:pt>
                <c:pt idx="1000">
                  <c:v>52.296999999999997</c:v>
                </c:pt>
                <c:pt idx="1001">
                  <c:v>52.296999999999997</c:v>
                </c:pt>
                <c:pt idx="1002">
                  <c:v>52.198999999999998</c:v>
                </c:pt>
                <c:pt idx="1003">
                  <c:v>52.101999999999997</c:v>
                </c:pt>
                <c:pt idx="1004">
                  <c:v>52.101999999999997</c:v>
                </c:pt>
                <c:pt idx="1005">
                  <c:v>52.198999999999998</c:v>
                </c:pt>
                <c:pt idx="1006">
                  <c:v>52.198999999999998</c:v>
                </c:pt>
                <c:pt idx="1007">
                  <c:v>52.198999999999998</c:v>
                </c:pt>
                <c:pt idx="1008">
                  <c:v>52.198999999999998</c:v>
                </c:pt>
                <c:pt idx="1009">
                  <c:v>52.198999999999998</c:v>
                </c:pt>
                <c:pt idx="1010">
                  <c:v>52.198999999999998</c:v>
                </c:pt>
                <c:pt idx="1011">
                  <c:v>52.198999999999998</c:v>
                </c:pt>
                <c:pt idx="1012">
                  <c:v>52.198999999999998</c:v>
                </c:pt>
                <c:pt idx="1013">
                  <c:v>52.198999999999998</c:v>
                </c:pt>
                <c:pt idx="1014">
                  <c:v>52.003999999999998</c:v>
                </c:pt>
                <c:pt idx="1015">
                  <c:v>52.003999999999998</c:v>
                </c:pt>
                <c:pt idx="1016">
                  <c:v>52.101999999999997</c:v>
                </c:pt>
                <c:pt idx="1017">
                  <c:v>52.101999999999997</c:v>
                </c:pt>
                <c:pt idx="1018">
                  <c:v>52.101999999999997</c:v>
                </c:pt>
                <c:pt idx="1019">
                  <c:v>52.101999999999997</c:v>
                </c:pt>
                <c:pt idx="1020">
                  <c:v>52.101999999999997</c:v>
                </c:pt>
                <c:pt idx="1021">
                  <c:v>52.198999999999998</c:v>
                </c:pt>
                <c:pt idx="1022">
                  <c:v>52.198999999999998</c:v>
                </c:pt>
                <c:pt idx="1023">
                  <c:v>52.198999999999998</c:v>
                </c:pt>
                <c:pt idx="1024">
                  <c:v>52.296999999999997</c:v>
                </c:pt>
                <c:pt idx="1025">
                  <c:v>52.395000000000003</c:v>
                </c:pt>
                <c:pt idx="1026">
                  <c:v>52.198999999999998</c:v>
                </c:pt>
                <c:pt idx="1027">
                  <c:v>52.198999999999998</c:v>
                </c:pt>
                <c:pt idx="1028">
                  <c:v>52.296999999999997</c:v>
                </c:pt>
                <c:pt idx="1029">
                  <c:v>52.198999999999998</c:v>
                </c:pt>
                <c:pt idx="1030">
                  <c:v>52.198999999999998</c:v>
                </c:pt>
                <c:pt idx="1031">
                  <c:v>52.296999999999997</c:v>
                </c:pt>
                <c:pt idx="1032">
                  <c:v>52.198999999999998</c:v>
                </c:pt>
                <c:pt idx="1033">
                  <c:v>52.198999999999998</c:v>
                </c:pt>
                <c:pt idx="1034">
                  <c:v>52.296999999999997</c:v>
                </c:pt>
                <c:pt idx="1035">
                  <c:v>52.198999999999998</c:v>
                </c:pt>
                <c:pt idx="1036">
                  <c:v>52.198999999999998</c:v>
                </c:pt>
                <c:pt idx="1037">
                  <c:v>52.198999999999998</c:v>
                </c:pt>
                <c:pt idx="1038">
                  <c:v>52.198999999999998</c:v>
                </c:pt>
                <c:pt idx="1039">
                  <c:v>52.101999999999997</c:v>
                </c:pt>
                <c:pt idx="1040">
                  <c:v>52.101999999999997</c:v>
                </c:pt>
                <c:pt idx="1041">
                  <c:v>52.198999999999998</c:v>
                </c:pt>
                <c:pt idx="1042">
                  <c:v>52.101999999999997</c:v>
                </c:pt>
                <c:pt idx="1043">
                  <c:v>52.101999999999997</c:v>
                </c:pt>
                <c:pt idx="1044">
                  <c:v>52.198999999999998</c:v>
                </c:pt>
                <c:pt idx="1045">
                  <c:v>52.101999999999997</c:v>
                </c:pt>
                <c:pt idx="1046">
                  <c:v>52.101999999999997</c:v>
                </c:pt>
                <c:pt idx="1047">
                  <c:v>52.198999999999998</c:v>
                </c:pt>
                <c:pt idx="1048">
                  <c:v>52.198999999999998</c:v>
                </c:pt>
                <c:pt idx="1049">
                  <c:v>52.101999999999997</c:v>
                </c:pt>
                <c:pt idx="1050">
                  <c:v>52.101999999999997</c:v>
                </c:pt>
                <c:pt idx="1051">
                  <c:v>52.101999999999997</c:v>
                </c:pt>
                <c:pt idx="1052">
                  <c:v>52.198999999999998</c:v>
                </c:pt>
                <c:pt idx="1053">
                  <c:v>52.101999999999997</c:v>
                </c:pt>
                <c:pt idx="1054">
                  <c:v>52.101999999999997</c:v>
                </c:pt>
                <c:pt idx="1055">
                  <c:v>52.101999999999997</c:v>
                </c:pt>
                <c:pt idx="1056">
                  <c:v>52.101999999999997</c:v>
                </c:pt>
                <c:pt idx="1057">
                  <c:v>52.101999999999997</c:v>
                </c:pt>
                <c:pt idx="1058">
                  <c:v>52.101999999999997</c:v>
                </c:pt>
                <c:pt idx="1059">
                  <c:v>52.101999999999997</c:v>
                </c:pt>
                <c:pt idx="1060">
                  <c:v>52.101999999999997</c:v>
                </c:pt>
                <c:pt idx="1061">
                  <c:v>52.101999999999997</c:v>
                </c:pt>
                <c:pt idx="1062">
                  <c:v>52.101999999999997</c:v>
                </c:pt>
                <c:pt idx="1063">
                  <c:v>52.101999999999997</c:v>
                </c:pt>
                <c:pt idx="1064">
                  <c:v>52.101999999999997</c:v>
                </c:pt>
                <c:pt idx="1065">
                  <c:v>52.003999999999998</c:v>
                </c:pt>
                <c:pt idx="1066">
                  <c:v>52.003999999999998</c:v>
                </c:pt>
                <c:pt idx="1067">
                  <c:v>52.003999999999998</c:v>
                </c:pt>
                <c:pt idx="1068">
                  <c:v>52.101999999999997</c:v>
                </c:pt>
                <c:pt idx="1069">
                  <c:v>52.003999999999998</c:v>
                </c:pt>
                <c:pt idx="1070">
                  <c:v>52.003999999999998</c:v>
                </c:pt>
                <c:pt idx="1071">
                  <c:v>52.493000000000002</c:v>
                </c:pt>
                <c:pt idx="1072">
                  <c:v>52.395000000000003</c:v>
                </c:pt>
                <c:pt idx="1073">
                  <c:v>52.296999999999997</c:v>
                </c:pt>
                <c:pt idx="1074">
                  <c:v>52.198999999999998</c:v>
                </c:pt>
                <c:pt idx="1075">
                  <c:v>52.296999999999997</c:v>
                </c:pt>
                <c:pt idx="1076">
                  <c:v>52.296999999999997</c:v>
                </c:pt>
                <c:pt idx="1077">
                  <c:v>52.296999999999997</c:v>
                </c:pt>
                <c:pt idx="1078">
                  <c:v>52.395000000000003</c:v>
                </c:pt>
                <c:pt idx="1079">
                  <c:v>52.296999999999997</c:v>
                </c:pt>
                <c:pt idx="1080">
                  <c:v>52.296999999999997</c:v>
                </c:pt>
                <c:pt idx="1081">
                  <c:v>52.59</c:v>
                </c:pt>
                <c:pt idx="1082">
                  <c:v>52.101999999999997</c:v>
                </c:pt>
                <c:pt idx="1083">
                  <c:v>52.101999999999997</c:v>
                </c:pt>
                <c:pt idx="1084">
                  <c:v>52.198999999999998</c:v>
                </c:pt>
                <c:pt idx="1085">
                  <c:v>52.101999999999997</c:v>
                </c:pt>
                <c:pt idx="1086">
                  <c:v>52.198999999999998</c:v>
                </c:pt>
                <c:pt idx="1087">
                  <c:v>52.198999999999998</c:v>
                </c:pt>
                <c:pt idx="1088">
                  <c:v>52.296999999999997</c:v>
                </c:pt>
                <c:pt idx="1089">
                  <c:v>52.296999999999997</c:v>
                </c:pt>
                <c:pt idx="1090">
                  <c:v>52.198999999999998</c:v>
                </c:pt>
                <c:pt idx="1091">
                  <c:v>52.296999999999997</c:v>
                </c:pt>
                <c:pt idx="1092">
                  <c:v>52.198999999999998</c:v>
                </c:pt>
                <c:pt idx="1093">
                  <c:v>52.198999999999998</c:v>
                </c:pt>
                <c:pt idx="1094">
                  <c:v>52.198999999999998</c:v>
                </c:pt>
                <c:pt idx="1095">
                  <c:v>52.198999999999998</c:v>
                </c:pt>
                <c:pt idx="1096">
                  <c:v>52.198999999999998</c:v>
                </c:pt>
                <c:pt idx="1097">
                  <c:v>52.101999999999997</c:v>
                </c:pt>
                <c:pt idx="1098">
                  <c:v>52.198999999999998</c:v>
                </c:pt>
                <c:pt idx="1099">
                  <c:v>52.296999999999997</c:v>
                </c:pt>
                <c:pt idx="1100">
                  <c:v>52.198999999999998</c:v>
                </c:pt>
                <c:pt idx="1101">
                  <c:v>52.395000000000003</c:v>
                </c:pt>
                <c:pt idx="1102">
                  <c:v>52.198999999999998</c:v>
                </c:pt>
                <c:pt idx="1103">
                  <c:v>52.198999999999998</c:v>
                </c:pt>
                <c:pt idx="1104">
                  <c:v>52.296999999999997</c:v>
                </c:pt>
                <c:pt idx="1105">
                  <c:v>52.296999999999997</c:v>
                </c:pt>
                <c:pt idx="1106">
                  <c:v>52.296999999999997</c:v>
                </c:pt>
                <c:pt idx="1107">
                  <c:v>52.395000000000003</c:v>
                </c:pt>
                <c:pt idx="1108">
                  <c:v>52.395000000000003</c:v>
                </c:pt>
                <c:pt idx="1109">
                  <c:v>52.395000000000003</c:v>
                </c:pt>
                <c:pt idx="1110">
                  <c:v>52.395000000000003</c:v>
                </c:pt>
                <c:pt idx="1111">
                  <c:v>52.296999999999997</c:v>
                </c:pt>
                <c:pt idx="1112">
                  <c:v>52.395000000000003</c:v>
                </c:pt>
                <c:pt idx="1113">
                  <c:v>52.395000000000003</c:v>
                </c:pt>
                <c:pt idx="1114">
                  <c:v>52.395000000000003</c:v>
                </c:pt>
                <c:pt idx="1115">
                  <c:v>52.296999999999997</c:v>
                </c:pt>
                <c:pt idx="1116">
                  <c:v>52.296999999999997</c:v>
                </c:pt>
                <c:pt idx="1117">
                  <c:v>52.395000000000003</c:v>
                </c:pt>
                <c:pt idx="1118">
                  <c:v>52.395000000000003</c:v>
                </c:pt>
                <c:pt idx="1119">
                  <c:v>52.296999999999997</c:v>
                </c:pt>
                <c:pt idx="1120">
                  <c:v>52.296999999999997</c:v>
                </c:pt>
                <c:pt idx="1121">
                  <c:v>52.395000000000003</c:v>
                </c:pt>
                <c:pt idx="1122">
                  <c:v>52.296999999999997</c:v>
                </c:pt>
                <c:pt idx="1123">
                  <c:v>52.198999999999998</c:v>
                </c:pt>
                <c:pt idx="1124">
                  <c:v>52.198999999999998</c:v>
                </c:pt>
                <c:pt idx="1125">
                  <c:v>52.198999999999998</c:v>
                </c:pt>
                <c:pt idx="1126">
                  <c:v>52.198999999999998</c:v>
                </c:pt>
                <c:pt idx="1127">
                  <c:v>52.198999999999998</c:v>
                </c:pt>
                <c:pt idx="1128">
                  <c:v>52.101999999999997</c:v>
                </c:pt>
                <c:pt idx="1129">
                  <c:v>52.198999999999998</c:v>
                </c:pt>
                <c:pt idx="1130">
                  <c:v>52.198999999999998</c:v>
                </c:pt>
                <c:pt idx="1131">
                  <c:v>52.198999999999998</c:v>
                </c:pt>
                <c:pt idx="1132">
                  <c:v>52.198999999999998</c:v>
                </c:pt>
                <c:pt idx="1133">
                  <c:v>52.101999999999997</c:v>
                </c:pt>
                <c:pt idx="1134">
                  <c:v>52.198999999999998</c:v>
                </c:pt>
                <c:pt idx="1135">
                  <c:v>52.198999999999998</c:v>
                </c:pt>
                <c:pt idx="1136">
                  <c:v>52.198999999999998</c:v>
                </c:pt>
                <c:pt idx="1137">
                  <c:v>52.198999999999998</c:v>
                </c:pt>
                <c:pt idx="1138">
                  <c:v>52.101999999999997</c:v>
                </c:pt>
                <c:pt idx="1139">
                  <c:v>52.198999999999998</c:v>
                </c:pt>
                <c:pt idx="1140">
                  <c:v>52.101999999999997</c:v>
                </c:pt>
                <c:pt idx="1141">
                  <c:v>52.198999999999998</c:v>
                </c:pt>
                <c:pt idx="1142">
                  <c:v>52.296999999999997</c:v>
                </c:pt>
                <c:pt idx="1143">
                  <c:v>52.101999999999997</c:v>
                </c:pt>
                <c:pt idx="1144">
                  <c:v>52.198999999999998</c:v>
                </c:pt>
                <c:pt idx="1145">
                  <c:v>52.101999999999997</c:v>
                </c:pt>
                <c:pt idx="1146">
                  <c:v>52.101999999999997</c:v>
                </c:pt>
                <c:pt idx="1147">
                  <c:v>52.101999999999997</c:v>
                </c:pt>
                <c:pt idx="1148">
                  <c:v>52.101999999999997</c:v>
                </c:pt>
                <c:pt idx="1149">
                  <c:v>52.101999999999997</c:v>
                </c:pt>
                <c:pt idx="1150">
                  <c:v>52.101999999999997</c:v>
                </c:pt>
                <c:pt idx="1151">
                  <c:v>52.198999999999998</c:v>
                </c:pt>
                <c:pt idx="1152">
                  <c:v>52.296999999999997</c:v>
                </c:pt>
                <c:pt idx="1153">
                  <c:v>52.395000000000003</c:v>
                </c:pt>
                <c:pt idx="1154">
                  <c:v>52.395000000000003</c:v>
                </c:pt>
                <c:pt idx="1155">
                  <c:v>52.296999999999997</c:v>
                </c:pt>
                <c:pt idx="1156">
                  <c:v>52.296999999999997</c:v>
                </c:pt>
                <c:pt idx="1157">
                  <c:v>52.198999999999998</c:v>
                </c:pt>
                <c:pt idx="1158">
                  <c:v>52.296999999999997</c:v>
                </c:pt>
                <c:pt idx="1159">
                  <c:v>52.296999999999997</c:v>
                </c:pt>
                <c:pt idx="1160">
                  <c:v>52.395000000000003</c:v>
                </c:pt>
                <c:pt idx="1161">
                  <c:v>52.395000000000003</c:v>
                </c:pt>
                <c:pt idx="1162">
                  <c:v>52.395000000000003</c:v>
                </c:pt>
                <c:pt idx="1163">
                  <c:v>52.296999999999997</c:v>
                </c:pt>
                <c:pt idx="1164">
                  <c:v>52.395000000000003</c:v>
                </c:pt>
                <c:pt idx="1165">
                  <c:v>52.493000000000002</c:v>
                </c:pt>
                <c:pt idx="1166">
                  <c:v>52.395000000000003</c:v>
                </c:pt>
                <c:pt idx="1167">
                  <c:v>52.395000000000003</c:v>
                </c:pt>
                <c:pt idx="1168">
                  <c:v>52.493000000000002</c:v>
                </c:pt>
                <c:pt idx="1169">
                  <c:v>52.395000000000003</c:v>
                </c:pt>
                <c:pt idx="1170">
                  <c:v>52.493000000000002</c:v>
                </c:pt>
                <c:pt idx="1171">
                  <c:v>52.296999999999997</c:v>
                </c:pt>
                <c:pt idx="1172">
                  <c:v>52.296999999999997</c:v>
                </c:pt>
                <c:pt idx="1173">
                  <c:v>52.395000000000003</c:v>
                </c:pt>
                <c:pt idx="1174">
                  <c:v>52.395000000000003</c:v>
                </c:pt>
                <c:pt idx="1175">
                  <c:v>52.395000000000003</c:v>
                </c:pt>
                <c:pt idx="1176">
                  <c:v>52.395000000000003</c:v>
                </c:pt>
                <c:pt idx="1177">
                  <c:v>52.395000000000003</c:v>
                </c:pt>
                <c:pt idx="1178">
                  <c:v>52.493000000000002</c:v>
                </c:pt>
                <c:pt idx="1179">
                  <c:v>52.395000000000003</c:v>
                </c:pt>
                <c:pt idx="1180">
                  <c:v>52.296999999999997</c:v>
                </c:pt>
                <c:pt idx="1181">
                  <c:v>52.395000000000003</c:v>
                </c:pt>
                <c:pt idx="1182">
                  <c:v>52.395000000000003</c:v>
                </c:pt>
                <c:pt idx="1183">
                  <c:v>52.395000000000003</c:v>
                </c:pt>
                <c:pt idx="1184">
                  <c:v>52.395000000000003</c:v>
                </c:pt>
                <c:pt idx="1185">
                  <c:v>52.296999999999997</c:v>
                </c:pt>
                <c:pt idx="1186">
                  <c:v>52.296999999999997</c:v>
                </c:pt>
                <c:pt idx="1187">
                  <c:v>52.395000000000003</c:v>
                </c:pt>
                <c:pt idx="1188">
                  <c:v>52.395000000000003</c:v>
                </c:pt>
                <c:pt idx="1189">
                  <c:v>52.395000000000003</c:v>
                </c:pt>
                <c:pt idx="1190">
                  <c:v>52.296999999999997</c:v>
                </c:pt>
                <c:pt idx="1191">
                  <c:v>52.395000000000003</c:v>
                </c:pt>
                <c:pt idx="1192">
                  <c:v>52.395000000000003</c:v>
                </c:pt>
                <c:pt idx="1193">
                  <c:v>52.296999999999997</c:v>
                </c:pt>
                <c:pt idx="1194">
                  <c:v>52.198999999999998</c:v>
                </c:pt>
                <c:pt idx="1195">
                  <c:v>52.198999999999998</c:v>
                </c:pt>
                <c:pt idx="1196">
                  <c:v>52.198999999999998</c:v>
                </c:pt>
                <c:pt idx="1197">
                  <c:v>52.198999999999998</c:v>
                </c:pt>
                <c:pt idx="1198">
                  <c:v>52.198999999999998</c:v>
                </c:pt>
                <c:pt idx="1199">
                  <c:v>52.198999999999998</c:v>
                </c:pt>
                <c:pt idx="1200">
                  <c:v>52.198999999999998</c:v>
                </c:pt>
                <c:pt idx="1201">
                  <c:v>52.198999999999998</c:v>
                </c:pt>
                <c:pt idx="1202">
                  <c:v>52.198999999999998</c:v>
                </c:pt>
                <c:pt idx="1203">
                  <c:v>52.296999999999997</c:v>
                </c:pt>
                <c:pt idx="1204">
                  <c:v>52.296999999999997</c:v>
                </c:pt>
                <c:pt idx="1205">
                  <c:v>52.296999999999997</c:v>
                </c:pt>
                <c:pt idx="1206">
                  <c:v>52.296999999999997</c:v>
                </c:pt>
                <c:pt idx="1207">
                  <c:v>52.296999999999997</c:v>
                </c:pt>
                <c:pt idx="1208">
                  <c:v>52.296999999999997</c:v>
                </c:pt>
                <c:pt idx="1209">
                  <c:v>52.296999999999997</c:v>
                </c:pt>
                <c:pt idx="1210">
                  <c:v>52.296999999999997</c:v>
                </c:pt>
                <c:pt idx="1211">
                  <c:v>52.395000000000003</c:v>
                </c:pt>
                <c:pt idx="1212">
                  <c:v>52.395000000000003</c:v>
                </c:pt>
                <c:pt idx="1213">
                  <c:v>52.395000000000003</c:v>
                </c:pt>
                <c:pt idx="1214">
                  <c:v>52.395000000000003</c:v>
                </c:pt>
                <c:pt idx="1215">
                  <c:v>52.198999999999998</c:v>
                </c:pt>
                <c:pt idx="1216">
                  <c:v>52.296999999999997</c:v>
                </c:pt>
                <c:pt idx="1217">
                  <c:v>52.296999999999997</c:v>
                </c:pt>
                <c:pt idx="1218">
                  <c:v>52.296999999999997</c:v>
                </c:pt>
                <c:pt idx="1219">
                  <c:v>52.198999999999998</c:v>
                </c:pt>
                <c:pt idx="1220">
                  <c:v>52.296999999999997</c:v>
                </c:pt>
                <c:pt idx="1221">
                  <c:v>52.296999999999997</c:v>
                </c:pt>
                <c:pt idx="1222">
                  <c:v>52.296999999999997</c:v>
                </c:pt>
                <c:pt idx="1223">
                  <c:v>52.395000000000003</c:v>
                </c:pt>
                <c:pt idx="1224">
                  <c:v>52.395000000000003</c:v>
                </c:pt>
                <c:pt idx="1225">
                  <c:v>52.395000000000003</c:v>
                </c:pt>
                <c:pt idx="1226">
                  <c:v>52.395000000000003</c:v>
                </c:pt>
                <c:pt idx="1227">
                  <c:v>52.395000000000003</c:v>
                </c:pt>
                <c:pt idx="1228">
                  <c:v>52.59</c:v>
                </c:pt>
                <c:pt idx="1229">
                  <c:v>52.395000000000003</c:v>
                </c:pt>
                <c:pt idx="1230">
                  <c:v>52.493000000000002</c:v>
                </c:pt>
                <c:pt idx="1231">
                  <c:v>52.198999999999998</c:v>
                </c:pt>
                <c:pt idx="1232">
                  <c:v>52.59</c:v>
                </c:pt>
                <c:pt idx="1233">
                  <c:v>52.395000000000003</c:v>
                </c:pt>
                <c:pt idx="1234">
                  <c:v>52.493000000000002</c:v>
                </c:pt>
                <c:pt idx="1235">
                  <c:v>52.493000000000002</c:v>
                </c:pt>
                <c:pt idx="1236">
                  <c:v>52.395000000000003</c:v>
                </c:pt>
                <c:pt idx="1237">
                  <c:v>52.395000000000003</c:v>
                </c:pt>
                <c:pt idx="1238">
                  <c:v>52.296999999999997</c:v>
                </c:pt>
                <c:pt idx="1239">
                  <c:v>52.395000000000003</c:v>
                </c:pt>
                <c:pt idx="1240">
                  <c:v>52.296999999999997</c:v>
                </c:pt>
                <c:pt idx="1241">
                  <c:v>52.296999999999997</c:v>
                </c:pt>
                <c:pt idx="1242">
                  <c:v>52.395000000000003</c:v>
                </c:pt>
                <c:pt idx="1243">
                  <c:v>52.395000000000003</c:v>
                </c:pt>
                <c:pt idx="1244">
                  <c:v>52.493000000000002</c:v>
                </c:pt>
                <c:pt idx="1245">
                  <c:v>52.493000000000002</c:v>
                </c:pt>
                <c:pt idx="1246">
                  <c:v>52.493000000000002</c:v>
                </c:pt>
                <c:pt idx="1247">
                  <c:v>52.395000000000003</c:v>
                </c:pt>
                <c:pt idx="1248">
                  <c:v>52.59</c:v>
                </c:pt>
                <c:pt idx="1249">
                  <c:v>52.493000000000002</c:v>
                </c:pt>
                <c:pt idx="1250">
                  <c:v>52.198999999999998</c:v>
                </c:pt>
                <c:pt idx="1251">
                  <c:v>52.493000000000002</c:v>
                </c:pt>
                <c:pt idx="1252">
                  <c:v>52.59</c:v>
                </c:pt>
                <c:pt idx="1253">
                  <c:v>52.688000000000002</c:v>
                </c:pt>
                <c:pt idx="1254">
                  <c:v>52.59</c:v>
                </c:pt>
                <c:pt idx="1255">
                  <c:v>52.59</c:v>
                </c:pt>
                <c:pt idx="1256">
                  <c:v>52.688000000000002</c:v>
                </c:pt>
                <c:pt idx="1257">
                  <c:v>52.59</c:v>
                </c:pt>
                <c:pt idx="1258">
                  <c:v>52.395000000000003</c:v>
                </c:pt>
                <c:pt idx="1259">
                  <c:v>52.395000000000003</c:v>
                </c:pt>
                <c:pt idx="1260">
                  <c:v>52.395000000000003</c:v>
                </c:pt>
                <c:pt idx="1261">
                  <c:v>52.395000000000003</c:v>
                </c:pt>
                <c:pt idx="1262">
                  <c:v>52.493000000000002</c:v>
                </c:pt>
                <c:pt idx="1263">
                  <c:v>52.493000000000002</c:v>
                </c:pt>
                <c:pt idx="1264">
                  <c:v>52.395000000000003</c:v>
                </c:pt>
                <c:pt idx="1265">
                  <c:v>52.395000000000003</c:v>
                </c:pt>
                <c:pt idx="1266">
                  <c:v>52.395000000000003</c:v>
                </c:pt>
                <c:pt idx="1267">
                  <c:v>52.395000000000003</c:v>
                </c:pt>
                <c:pt idx="1268">
                  <c:v>52.296999999999997</c:v>
                </c:pt>
                <c:pt idx="1269">
                  <c:v>52.296999999999997</c:v>
                </c:pt>
                <c:pt idx="1270">
                  <c:v>52.395000000000003</c:v>
                </c:pt>
                <c:pt idx="1271">
                  <c:v>52.296999999999997</c:v>
                </c:pt>
                <c:pt idx="1272">
                  <c:v>52.395000000000003</c:v>
                </c:pt>
                <c:pt idx="1273">
                  <c:v>52.198999999999998</c:v>
                </c:pt>
                <c:pt idx="1274">
                  <c:v>52.296999999999997</c:v>
                </c:pt>
                <c:pt idx="1275">
                  <c:v>52.198999999999998</c:v>
                </c:pt>
                <c:pt idx="1276">
                  <c:v>52.198999999999998</c:v>
                </c:pt>
                <c:pt idx="1277">
                  <c:v>52.198999999999998</c:v>
                </c:pt>
                <c:pt idx="1278">
                  <c:v>52.198999999999998</c:v>
                </c:pt>
                <c:pt idx="1279">
                  <c:v>52.198999999999998</c:v>
                </c:pt>
                <c:pt idx="1280">
                  <c:v>52.198999999999998</c:v>
                </c:pt>
                <c:pt idx="1281">
                  <c:v>52.296999999999997</c:v>
                </c:pt>
                <c:pt idx="1282">
                  <c:v>52.296999999999997</c:v>
                </c:pt>
                <c:pt idx="1283">
                  <c:v>53.665999999999997</c:v>
                </c:pt>
                <c:pt idx="1284">
                  <c:v>52.101999999999997</c:v>
                </c:pt>
                <c:pt idx="1285">
                  <c:v>51.905999999999999</c:v>
                </c:pt>
                <c:pt idx="1286">
                  <c:v>52.101999999999997</c:v>
                </c:pt>
                <c:pt idx="1287">
                  <c:v>52.101999999999997</c:v>
                </c:pt>
                <c:pt idx="1288">
                  <c:v>52.198999999999998</c:v>
                </c:pt>
                <c:pt idx="1289">
                  <c:v>52.198999999999998</c:v>
                </c:pt>
                <c:pt idx="1290">
                  <c:v>52.198999999999998</c:v>
                </c:pt>
                <c:pt idx="1291">
                  <c:v>52.198999999999998</c:v>
                </c:pt>
                <c:pt idx="1292">
                  <c:v>52.198999999999998</c:v>
                </c:pt>
                <c:pt idx="1293">
                  <c:v>52.296999999999997</c:v>
                </c:pt>
                <c:pt idx="1294">
                  <c:v>52.296999999999997</c:v>
                </c:pt>
                <c:pt idx="1295">
                  <c:v>52.296999999999997</c:v>
                </c:pt>
                <c:pt idx="1296">
                  <c:v>52.296999999999997</c:v>
                </c:pt>
                <c:pt idx="1297">
                  <c:v>52.296999999999997</c:v>
                </c:pt>
                <c:pt idx="1298">
                  <c:v>52.296999999999997</c:v>
                </c:pt>
                <c:pt idx="1299">
                  <c:v>52.296999999999997</c:v>
                </c:pt>
                <c:pt idx="1300">
                  <c:v>52.296999999999997</c:v>
                </c:pt>
                <c:pt idx="1301">
                  <c:v>52.296999999999997</c:v>
                </c:pt>
                <c:pt idx="1302">
                  <c:v>52.395000000000003</c:v>
                </c:pt>
                <c:pt idx="1303">
                  <c:v>52.395000000000003</c:v>
                </c:pt>
                <c:pt idx="1304">
                  <c:v>52.395000000000003</c:v>
                </c:pt>
                <c:pt idx="1305">
                  <c:v>52.395000000000003</c:v>
                </c:pt>
                <c:pt idx="1306">
                  <c:v>52.395000000000003</c:v>
                </c:pt>
                <c:pt idx="1307">
                  <c:v>52.395000000000003</c:v>
                </c:pt>
                <c:pt idx="1308">
                  <c:v>52.296999999999997</c:v>
                </c:pt>
                <c:pt idx="1309">
                  <c:v>52.395000000000003</c:v>
                </c:pt>
                <c:pt idx="1310">
                  <c:v>52.395000000000003</c:v>
                </c:pt>
                <c:pt idx="1311">
                  <c:v>52.395000000000003</c:v>
                </c:pt>
                <c:pt idx="1312">
                  <c:v>52.296999999999997</c:v>
                </c:pt>
                <c:pt idx="1313">
                  <c:v>52.296999999999997</c:v>
                </c:pt>
                <c:pt idx="1314">
                  <c:v>52.296999999999997</c:v>
                </c:pt>
                <c:pt idx="1315">
                  <c:v>52.296999999999997</c:v>
                </c:pt>
                <c:pt idx="1316">
                  <c:v>52.296999999999997</c:v>
                </c:pt>
                <c:pt idx="1317">
                  <c:v>52.296999999999997</c:v>
                </c:pt>
                <c:pt idx="1318">
                  <c:v>52.296999999999997</c:v>
                </c:pt>
                <c:pt idx="1319">
                  <c:v>52.296999999999997</c:v>
                </c:pt>
                <c:pt idx="1320">
                  <c:v>52.395000000000003</c:v>
                </c:pt>
                <c:pt idx="1321">
                  <c:v>52.296999999999997</c:v>
                </c:pt>
                <c:pt idx="1322">
                  <c:v>52.296999999999997</c:v>
                </c:pt>
                <c:pt idx="1323">
                  <c:v>52.198999999999998</c:v>
                </c:pt>
                <c:pt idx="1324">
                  <c:v>52.296999999999997</c:v>
                </c:pt>
                <c:pt idx="1325">
                  <c:v>52.296999999999997</c:v>
                </c:pt>
                <c:pt idx="1326">
                  <c:v>52.101999999999997</c:v>
                </c:pt>
                <c:pt idx="1327">
                  <c:v>52.493000000000002</c:v>
                </c:pt>
                <c:pt idx="1328">
                  <c:v>52.493000000000002</c:v>
                </c:pt>
                <c:pt idx="1329">
                  <c:v>52.296999999999997</c:v>
                </c:pt>
                <c:pt idx="1330">
                  <c:v>52.786000000000001</c:v>
                </c:pt>
                <c:pt idx="1331">
                  <c:v>52.296999999999997</c:v>
                </c:pt>
                <c:pt idx="1332">
                  <c:v>52.786000000000001</c:v>
                </c:pt>
                <c:pt idx="1333">
                  <c:v>52.395000000000003</c:v>
                </c:pt>
                <c:pt idx="1334">
                  <c:v>52.296999999999997</c:v>
                </c:pt>
                <c:pt idx="1335">
                  <c:v>52.296999999999997</c:v>
                </c:pt>
                <c:pt idx="1336">
                  <c:v>52.198999999999998</c:v>
                </c:pt>
                <c:pt idx="1337">
                  <c:v>52.296999999999997</c:v>
                </c:pt>
                <c:pt idx="1338">
                  <c:v>52.296999999999997</c:v>
                </c:pt>
                <c:pt idx="1339">
                  <c:v>52.296999999999997</c:v>
                </c:pt>
                <c:pt idx="1340">
                  <c:v>54.252000000000002</c:v>
                </c:pt>
                <c:pt idx="1341">
                  <c:v>52.884</c:v>
                </c:pt>
                <c:pt idx="1342">
                  <c:v>52.786000000000001</c:v>
                </c:pt>
                <c:pt idx="1343">
                  <c:v>52.688000000000002</c:v>
                </c:pt>
                <c:pt idx="1344">
                  <c:v>52.59</c:v>
                </c:pt>
                <c:pt idx="1345">
                  <c:v>52.59</c:v>
                </c:pt>
                <c:pt idx="1346">
                  <c:v>52.395000000000003</c:v>
                </c:pt>
                <c:pt idx="1347">
                  <c:v>52.884</c:v>
                </c:pt>
                <c:pt idx="1348">
                  <c:v>52.296999999999997</c:v>
                </c:pt>
                <c:pt idx="1349">
                  <c:v>52.296999999999997</c:v>
                </c:pt>
                <c:pt idx="1350">
                  <c:v>52.493000000000002</c:v>
                </c:pt>
                <c:pt idx="1351">
                  <c:v>52.493000000000002</c:v>
                </c:pt>
                <c:pt idx="1352">
                  <c:v>52.296999999999997</c:v>
                </c:pt>
                <c:pt idx="1353">
                  <c:v>52.395000000000003</c:v>
                </c:pt>
                <c:pt idx="1354">
                  <c:v>52.493000000000002</c:v>
                </c:pt>
                <c:pt idx="1355">
                  <c:v>52.395000000000003</c:v>
                </c:pt>
                <c:pt idx="1356">
                  <c:v>52.395000000000003</c:v>
                </c:pt>
                <c:pt idx="1357">
                  <c:v>52.395000000000003</c:v>
                </c:pt>
                <c:pt idx="1358">
                  <c:v>52.296999999999997</c:v>
                </c:pt>
                <c:pt idx="1359">
                  <c:v>52.395000000000003</c:v>
                </c:pt>
                <c:pt idx="1360">
                  <c:v>52.395000000000003</c:v>
                </c:pt>
                <c:pt idx="1361">
                  <c:v>52.395000000000003</c:v>
                </c:pt>
                <c:pt idx="1362">
                  <c:v>52.493000000000002</c:v>
                </c:pt>
                <c:pt idx="1363">
                  <c:v>52.688000000000002</c:v>
                </c:pt>
                <c:pt idx="1364">
                  <c:v>52.59</c:v>
                </c:pt>
                <c:pt idx="1365">
                  <c:v>52.688000000000002</c:v>
                </c:pt>
                <c:pt idx="1366">
                  <c:v>52.493000000000002</c:v>
                </c:pt>
                <c:pt idx="1367">
                  <c:v>52.493000000000002</c:v>
                </c:pt>
                <c:pt idx="1368">
                  <c:v>52.493000000000002</c:v>
                </c:pt>
                <c:pt idx="1369">
                  <c:v>52.493000000000002</c:v>
                </c:pt>
                <c:pt idx="1370">
                  <c:v>52.59</c:v>
                </c:pt>
                <c:pt idx="1371">
                  <c:v>52.493000000000002</c:v>
                </c:pt>
                <c:pt idx="1372">
                  <c:v>52.786000000000001</c:v>
                </c:pt>
                <c:pt idx="1373">
                  <c:v>52.59</c:v>
                </c:pt>
                <c:pt idx="1374">
                  <c:v>52.493000000000002</c:v>
                </c:pt>
                <c:pt idx="1375">
                  <c:v>52.493000000000002</c:v>
                </c:pt>
                <c:pt idx="1376">
                  <c:v>52.493000000000002</c:v>
                </c:pt>
                <c:pt idx="1377">
                  <c:v>52.493000000000002</c:v>
                </c:pt>
                <c:pt idx="1378">
                  <c:v>52.59</c:v>
                </c:pt>
                <c:pt idx="1379">
                  <c:v>52.59</c:v>
                </c:pt>
                <c:pt idx="1380">
                  <c:v>52.493000000000002</c:v>
                </c:pt>
                <c:pt idx="1381">
                  <c:v>52.59</c:v>
                </c:pt>
                <c:pt idx="1382">
                  <c:v>52.493000000000002</c:v>
                </c:pt>
                <c:pt idx="1383">
                  <c:v>52.493000000000002</c:v>
                </c:pt>
                <c:pt idx="1384">
                  <c:v>52.493000000000002</c:v>
                </c:pt>
                <c:pt idx="1385">
                  <c:v>52.493000000000002</c:v>
                </c:pt>
                <c:pt idx="1386">
                  <c:v>52.493000000000002</c:v>
                </c:pt>
                <c:pt idx="1387">
                  <c:v>52.493000000000002</c:v>
                </c:pt>
                <c:pt idx="1388">
                  <c:v>52.493000000000002</c:v>
                </c:pt>
                <c:pt idx="1389">
                  <c:v>52.493000000000002</c:v>
                </c:pt>
                <c:pt idx="1390">
                  <c:v>52.493000000000002</c:v>
                </c:pt>
                <c:pt idx="1391">
                  <c:v>52.395000000000003</c:v>
                </c:pt>
                <c:pt idx="1392">
                  <c:v>52.296999999999997</c:v>
                </c:pt>
                <c:pt idx="1393">
                  <c:v>52.296999999999997</c:v>
                </c:pt>
                <c:pt idx="1394">
                  <c:v>52.296999999999997</c:v>
                </c:pt>
                <c:pt idx="1395">
                  <c:v>52.198999999999998</c:v>
                </c:pt>
                <c:pt idx="1396">
                  <c:v>52.395000000000003</c:v>
                </c:pt>
                <c:pt idx="1397">
                  <c:v>52.493000000000002</c:v>
                </c:pt>
                <c:pt idx="1398">
                  <c:v>52.296999999999997</c:v>
                </c:pt>
                <c:pt idx="1399">
                  <c:v>52.493000000000002</c:v>
                </c:pt>
                <c:pt idx="1400">
                  <c:v>52.493000000000002</c:v>
                </c:pt>
                <c:pt idx="1401">
                  <c:v>52.493000000000002</c:v>
                </c:pt>
                <c:pt idx="1402">
                  <c:v>52.493000000000002</c:v>
                </c:pt>
                <c:pt idx="1403">
                  <c:v>52.59</c:v>
                </c:pt>
                <c:pt idx="1404">
                  <c:v>52.688000000000002</c:v>
                </c:pt>
                <c:pt idx="1405">
                  <c:v>52.688000000000002</c:v>
                </c:pt>
                <c:pt idx="1406">
                  <c:v>52.59</c:v>
                </c:pt>
                <c:pt idx="1407">
                  <c:v>52.59</c:v>
                </c:pt>
                <c:pt idx="1408">
                  <c:v>52.493000000000002</c:v>
                </c:pt>
                <c:pt idx="1409">
                  <c:v>52.395000000000003</c:v>
                </c:pt>
                <c:pt idx="1410">
                  <c:v>52.493000000000002</c:v>
                </c:pt>
                <c:pt idx="1411">
                  <c:v>52.395000000000003</c:v>
                </c:pt>
                <c:pt idx="1412">
                  <c:v>52.395000000000003</c:v>
                </c:pt>
                <c:pt idx="1413">
                  <c:v>52.493000000000002</c:v>
                </c:pt>
                <c:pt idx="1414">
                  <c:v>52.395000000000003</c:v>
                </c:pt>
                <c:pt idx="1415">
                  <c:v>52.493000000000002</c:v>
                </c:pt>
                <c:pt idx="1416">
                  <c:v>52.395000000000003</c:v>
                </c:pt>
                <c:pt idx="1417">
                  <c:v>52.395000000000003</c:v>
                </c:pt>
                <c:pt idx="1418">
                  <c:v>52.395000000000003</c:v>
                </c:pt>
                <c:pt idx="1419">
                  <c:v>52.198999999999998</c:v>
                </c:pt>
                <c:pt idx="1420">
                  <c:v>52.493000000000002</c:v>
                </c:pt>
                <c:pt idx="1421">
                  <c:v>52.59</c:v>
                </c:pt>
                <c:pt idx="1422">
                  <c:v>52.59</c:v>
                </c:pt>
                <c:pt idx="1423">
                  <c:v>52.59</c:v>
                </c:pt>
                <c:pt idx="1424">
                  <c:v>52.493000000000002</c:v>
                </c:pt>
                <c:pt idx="1425">
                  <c:v>52.59</c:v>
                </c:pt>
                <c:pt idx="1426">
                  <c:v>52.493000000000002</c:v>
                </c:pt>
                <c:pt idx="1427">
                  <c:v>52.493000000000002</c:v>
                </c:pt>
                <c:pt idx="1428">
                  <c:v>52.493000000000002</c:v>
                </c:pt>
                <c:pt idx="1429">
                  <c:v>52.395000000000003</c:v>
                </c:pt>
                <c:pt idx="1430">
                  <c:v>52.493000000000002</c:v>
                </c:pt>
                <c:pt idx="1431">
                  <c:v>52.493000000000002</c:v>
                </c:pt>
                <c:pt idx="1432">
                  <c:v>52.493000000000002</c:v>
                </c:pt>
                <c:pt idx="1433">
                  <c:v>52.296999999999997</c:v>
                </c:pt>
                <c:pt idx="1434">
                  <c:v>52.395000000000003</c:v>
                </c:pt>
                <c:pt idx="1435">
                  <c:v>52.786000000000001</c:v>
                </c:pt>
                <c:pt idx="1436">
                  <c:v>52.296999999999997</c:v>
                </c:pt>
                <c:pt idx="1437">
                  <c:v>52.198999999999998</c:v>
                </c:pt>
                <c:pt idx="1438">
                  <c:v>52.296999999999997</c:v>
                </c:pt>
                <c:pt idx="1439">
                  <c:v>52.493000000000002</c:v>
                </c:pt>
                <c:pt idx="1440">
                  <c:v>52.395000000000003</c:v>
                </c:pt>
                <c:pt idx="1441">
                  <c:v>52.493000000000002</c:v>
                </c:pt>
                <c:pt idx="1442">
                  <c:v>52.59</c:v>
                </c:pt>
                <c:pt idx="1443">
                  <c:v>52.493000000000002</c:v>
                </c:pt>
                <c:pt idx="1444">
                  <c:v>52.395000000000003</c:v>
                </c:pt>
                <c:pt idx="1445">
                  <c:v>52.786000000000001</c:v>
                </c:pt>
                <c:pt idx="1446">
                  <c:v>52.395000000000003</c:v>
                </c:pt>
                <c:pt idx="1447">
                  <c:v>52.198999999999998</c:v>
                </c:pt>
                <c:pt idx="1448">
                  <c:v>52.296999999999997</c:v>
                </c:pt>
                <c:pt idx="1449">
                  <c:v>53.079000000000001</c:v>
                </c:pt>
                <c:pt idx="1450">
                  <c:v>52.101999999999997</c:v>
                </c:pt>
                <c:pt idx="1451">
                  <c:v>52.59</c:v>
                </c:pt>
                <c:pt idx="1452">
                  <c:v>52.884</c:v>
                </c:pt>
                <c:pt idx="1453">
                  <c:v>52.786000000000001</c:v>
                </c:pt>
                <c:pt idx="1454">
                  <c:v>52.688000000000002</c:v>
                </c:pt>
                <c:pt idx="1455">
                  <c:v>52.688000000000002</c:v>
                </c:pt>
                <c:pt idx="1456">
                  <c:v>52.688000000000002</c:v>
                </c:pt>
                <c:pt idx="1457">
                  <c:v>52.688000000000002</c:v>
                </c:pt>
                <c:pt idx="1458">
                  <c:v>52.688000000000002</c:v>
                </c:pt>
                <c:pt idx="1459">
                  <c:v>52.688000000000002</c:v>
                </c:pt>
                <c:pt idx="1460">
                  <c:v>52.688000000000002</c:v>
                </c:pt>
                <c:pt idx="1461">
                  <c:v>52.884</c:v>
                </c:pt>
                <c:pt idx="1462">
                  <c:v>52.688000000000002</c:v>
                </c:pt>
                <c:pt idx="1463">
                  <c:v>52.688000000000002</c:v>
                </c:pt>
                <c:pt idx="1464">
                  <c:v>52.59</c:v>
                </c:pt>
                <c:pt idx="1465">
                  <c:v>52.786000000000001</c:v>
                </c:pt>
                <c:pt idx="1466">
                  <c:v>52.688000000000002</c:v>
                </c:pt>
                <c:pt idx="1467">
                  <c:v>52.688000000000002</c:v>
                </c:pt>
                <c:pt idx="1468">
                  <c:v>52.59</c:v>
                </c:pt>
                <c:pt idx="1469">
                  <c:v>52.688000000000002</c:v>
                </c:pt>
                <c:pt idx="1470">
                  <c:v>52.688000000000002</c:v>
                </c:pt>
                <c:pt idx="1471">
                  <c:v>52.688000000000002</c:v>
                </c:pt>
                <c:pt idx="1472">
                  <c:v>53.567999999999998</c:v>
                </c:pt>
                <c:pt idx="1473">
                  <c:v>52.296999999999997</c:v>
                </c:pt>
                <c:pt idx="1474">
                  <c:v>52.296999999999997</c:v>
                </c:pt>
                <c:pt idx="1475">
                  <c:v>52.688000000000002</c:v>
                </c:pt>
                <c:pt idx="1476">
                  <c:v>52.59</c:v>
                </c:pt>
                <c:pt idx="1477">
                  <c:v>52.59</c:v>
                </c:pt>
                <c:pt idx="1478">
                  <c:v>52.884</c:v>
                </c:pt>
                <c:pt idx="1479">
                  <c:v>52.101999999999997</c:v>
                </c:pt>
                <c:pt idx="1480">
                  <c:v>52.296999999999997</c:v>
                </c:pt>
                <c:pt idx="1481">
                  <c:v>52.59</c:v>
                </c:pt>
                <c:pt idx="1482">
                  <c:v>52.59</c:v>
                </c:pt>
                <c:pt idx="1483">
                  <c:v>52.493000000000002</c:v>
                </c:pt>
                <c:pt idx="1484">
                  <c:v>52.59</c:v>
                </c:pt>
                <c:pt idx="1485">
                  <c:v>52.59</c:v>
                </c:pt>
                <c:pt idx="1486">
                  <c:v>52.493000000000002</c:v>
                </c:pt>
                <c:pt idx="1487">
                  <c:v>52.493000000000002</c:v>
                </c:pt>
                <c:pt idx="1488">
                  <c:v>52.59</c:v>
                </c:pt>
                <c:pt idx="1489">
                  <c:v>52.493000000000002</c:v>
                </c:pt>
                <c:pt idx="1490">
                  <c:v>52.59</c:v>
                </c:pt>
                <c:pt idx="1491">
                  <c:v>52.493000000000002</c:v>
                </c:pt>
                <c:pt idx="1492">
                  <c:v>52.493000000000002</c:v>
                </c:pt>
                <c:pt idx="1493">
                  <c:v>52.493000000000002</c:v>
                </c:pt>
                <c:pt idx="1494">
                  <c:v>52.59</c:v>
                </c:pt>
                <c:pt idx="1495">
                  <c:v>52.59</c:v>
                </c:pt>
                <c:pt idx="1496">
                  <c:v>52.688000000000002</c:v>
                </c:pt>
                <c:pt idx="1497">
                  <c:v>52.981000000000002</c:v>
                </c:pt>
                <c:pt idx="1498">
                  <c:v>52.59</c:v>
                </c:pt>
                <c:pt idx="1499">
                  <c:v>52.59</c:v>
                </c:pt>
                <c:pt idx="1500">
                  <c:v>52.59</c:v>
                </c:pt>
                <c:pt idx="1501">
                  <c:v>52.493000000000002</c:v>
                </c:pt>
                <c:pt idx="1502">
                  <c:v>52.59</c:v>
                </c:pt>
                <c:pt idx="1503">
                  <c:v>52.688000000000002</c:v>
                </c:pt>
                <c:pt idx="1504">
                  <c:v>52.59</c:v>
                </c:pt>
                <c:pt idx="1505">
                  <c:v>52.981000000000002</c:v>
                </c:pt>
                <c:pt idx="1506">
                  <c:v>54.838999999999999</c:v>
                </c:pt>
                <c:pt idx="1507">
                  <c:v>52.884</c:v>
                </c:pt>
                <c:pt idx="1508">
                  <c:v>52.101999999999997</c:v>
                </c:pt>
                <c:pt idx="1509">
                  <c:v>52.395000000000003</c:v>
                </c:pt>
                <c:pt idx="1510">
                  <c:v>52.59</c:v>
                </c:pt>
                <c:pt idx="1511">
                  <c:v>52.493000000000002</c:v>
                </c:pt>
                <c:pt idx="1512">
                  <c:v>52.59</c:v>
                </c:pt>
                <c:pt idx="1513">
                  <c:v>52.493000000000002</c:v>
                </c:pt>
                <c:pt idx="1514">
                  <c:v>52.59</c:v>
                </c:pt>
                <c:pt idx="1515">
                  <c:v>52.493000000000002</c:v>
                </c:pt>
                <c:pt idx="1516">
                  <c:v>52.493000000000002</c:v>
                </c:pt>
                <c:pt idx="1517">
                  <c:v>52.688000000000002</c:v>
                </c:pt>
                <c:pt idx="1518">
                  <c:v>52.493000000000002</c:v>
                </c:pt>
                <c:pt idx="1519">
                  <c:v>52.59</c:v>
                </c:pt>
                <c:pt idx="1520">
                  <c:v>52.688000000000002</c:v>
                </c:pt>
                <c:pt idx="1521">
                  <c:v>52.786000000000001</c:v>
                </c:pt>
                <c:pt idx="1522">
                  <c:v>52.688000000000002</c:v>
                </c:pt>
                <c:pt idx="1523">
                  <c:v>52.786000000000001</c:v>
                </c:pt>
                <c:pt idx="1524">
                  <c:v>52.688000000000002</c:v>
                </c:pt>
                <c:pt idx="1525">
                  <c:v>52.59</c:v>
                </c:pt>
                <c:pt idx="1526">
                  <c:v>52.786000000000001</c:v>
                </c:pt>
                <c:pt idx="1527">
                  <c:v>52.688000000000002</c:v>
                </c:pt>
                <c:pt idx="1528">
                  <c:v>52.59</c:v>
                </c:pt>
                <c:pt idx="1529">
                  <c:v>52.786000000000001</c:v>
                </c:pt>
                <c:pt idx="1530">
                  <c:v>52.884</c:v>
                </c:pt>
                <c:pt idx="1531">
                  <c:v>52.786000000000001</c:v>
                </c:pt>
                <c:pt idx="1532">
                  <c:v>52.688000000000002</c:v>
                </c:pt>
                <c:pt idx="1533">
                  <c:v>52.688000000000002</c:v>
                </c:pt>
                <c:pt idx="1534">
                  <c:v>52.786000000000001</c:v>
                </c:pt>
                <c:pt idx="1535">
                  <c:v>52.59</c:v>
                </c:pt>
                <c:pt idx="1536">
                  <c:v>52.688000000000002</c:v>
                </c:pt>
                <c:pt idx="1537">
                  <c:v>52.884</c:v>
                </c:pt>
                <c:pt idx="1538">
                  <c:v>52.688000000000002</c:v>
                </c:pt>
                <c:pt idx="1539">
                  <c:v>52.884</c:v>
                </c:pt>
                <c:pt idx="1540">
                  <c:v>53.079000000000001</c:v>
                </c:pt>
                <c:pt idx="1541">
                  <c:v>52.395000000000003</c:v>
                </c:pt>
                <c:pt idx="1542">
                  <c:v>52.59</c:v>
                </c:pt>
                <c:pt idx="1543">
                  <c:v>52.59</c:v>
                </c:pt>
                <c:pt idx="1544">
                  <c:v>52.59</c:v>
                </c:pt>
                <c:pt idx="1545">
                  <c:v>52.59</c:v>
                </c:pt>
                <c:pt idx="1546">
                  <c:v>52.59</c:v>
                </c:pt>
                <c:pt idx="1547">
                  <c:v>52.493000000000002</c:v>
                </c:pt>
                <c:pt idx="1548">
                  <c:v>52.59</c:v>
                </c:pt>
                <c:pt idx="1549">
                  <c:v>52.493000000000002</c:v>
                </c:pt>
                <c:pt idx="1550">
                  <c:v>52.688000000000002</c:v>
                </c:pt>
                <c:pt idx="1551">
                  <c:v>52.688000000000002</c:v>
                </c:pt>
                <c:pt idx="1552">
                  <c:v>52.59</c:v>
                </c:pt>
                <c:pt idx="1553">
                  <c:v>52.688000000000002</c:v>
                </c:pt>
                <c:pt idx="1554">
                  <c:v>52.688000000000002</c:v>
                </c:pt>
                <c:pt idx="1555">
                  <c:v>52.786000000000001</c:v>
                </c:pt>
                <c:pt idx="1556">
                  <c:v>52.688000000000002</c:v>
                </c:pt>
                <c:pt idx="1557">
                  <c:v>52.493000000000002</c:v>
                </c:pt>
                <c:pt idx="1558">
                  <c:v>52.688000000000002</c:v>
                </c:pt>
                <c:pt idx="1559">
                  <c:v>52.688000000000002</c:v>
                </c:pt>
                <c:pt idx="1560">
                  <c:v>52.688000000000002</c:v>
                </c:pt>
                <c:pt idx="1561">
                  <c:v>52.59</c:v>
                </c:pt>
                <c:pt idx="1562">
                  <c:v>52.395000000000003</c:v>
                </c:pt>
                <c:pt idx="1563">
                  <c:v>52.688000000000002</c:v>
                </c:pt>
                <c:pt idx="1564">
                  <c:v>52.688000000000002</c:v>
                </c:pt>
                <c:pt idx="1565">
                  <c:v>52.688000000000002</c:v>
                </c:pt>
                <c:pt idx="1566">
                  <c:v>52.688000000000002</c:v>
                </c:pt>
                <c:pt idx="1567">
                  <c:v>52.296999999999997</c:v>
                </c:pt>
                <c:pt idx="1568">
                  <c:v>52.59</c:v>
                </c:pt>
                <c:pt idx="1569">
                  <c:v>52.688000000000002</c:v>
                </c:pt>
                <c:pt idx="1570">
                  <c:v>52.395000000000003</c:v>
                </c:pt>
                <c:pt idx="1571">
                  <c:v>52.59</c:v>
                </c:pt>
                <c:pt idx="1572">
                  <c:v>52.296999999999997</c:v>
                </c:pt>
                <c:pt idx="1573">
                  <c:v>52.59</c:v>
                </c:pt>
                <c:pt idx="1574">
                  <c:v>52.395000000000003</c:v>
                </c:pt>
                <c:pt idx="1575">
                  <c:v>52.395000000000003</c:v>
                </c:pt>
                <c:pt idx="1576">
                  <c:v>52.395000000000003</c:v>
                </c:pt>
                <c:pt idx="1577">
                  <c:v>52.59</c:v>
                </c:pt>
                <c:pt idx="1578">
                  <c:v>52.395000000000003</c:v>
                </c:pt>
                <c:pt idx="1579">
                  <c:v>52.884</c:v>
                </c:pt>
                <c:pt idx="1580">
                  <c:v>51.808</c:v>
                </c:pt>
                <c:pt idx="1581">
                  <c:v>52.296999999999997</c:v>
                </c:pt>
                <c:pt idx="1582">
                  <c:v>52.395000000000003</c:v>
                </c:pt>
                <c:pt idx="1583">
                  <c:v>52.395000000000003</c:v>
                </c:pt>
                <c:pt idx="1584">
                  <c:v>52.493000000000002</c:v>
                </c:pt>
                <c:pt idx="1585">
                  <c:v>52.395000000000003</c:v>
                </c:pt>
                <c:pt idx="1586">
                  <c:v>52.395000000000003</c:v>
                </c:pt>
                <c:pt idx="1587">
                  <c:v>52.296999999999997</c:v>
                </c:pt>
                <c:pt idx="1588">
                  <c:v>52.296999999999997</c:v>
                </c:pt>
                <c:pt idx="1589">
                  <c:v>52.59</c:v>
                </c:pt>
                <c:pt idx="1590">
                  <c:v>52.786000000000001</c:v>
                </c:pt>
                <c:pt idx="1591">
                  <c:v>52.59</c:v>
                </c:pt>
                <c:pt idx="1592">
                  <c:v>52.493000000000002</c:v>
                </c:pt>
                <c:pt idx="1593">
                  <c:v>52.59</c:v>
                </c:pt>
                <c:pt idx="1594">
                  <c:v>52.59</c:v>
                </c:pt>
                <c:pt idx="1595">
                  <c:v>52.59</c:v>
                </c:pt>
                <c:pt idx="1596">
                  <c:v>52.59</c:v>
                </c:pt>
                <c:pt idx="1597">
                  <c:v>52.59</c:v>
                </c:pt>
                <c:pt idx="1598">
                  <c:v>52.59</c:v>
                </c:pt>
                <c:pt idx="1599">
                  <c:v>52.786000000000001</c:v>
                </c:pt>
                <c:pt idx="1600">
                  <c:v>52.688000000000002</c:v>
                </c:pt>
                <c:pt idx="1601">
                  <c:v>52.786000000000001</c:v>
                </c:pt>
                <c:pt idx="1602">
                  <c:v>52.884</c:v>
                </c:pt>
                <c:pt idx="1603">
                  <c:v>52.884</c:v>
                </c:pt>
                <c:pt idx="1604">
                  <c:v>52.59</c:v>
                </c:pt>
                <c:pt idx="1605">
                  <c:v>52.59</c:v>
                </c:pt>
                <c:pt idx="1606">
                  <c:v>52.59</c:v>
                </c:pt>
                <c:pt idx="1607">
                  <c:v>52.59</c:v>
                </c:pt>
                <c:pt idx="1608">
                  <c:v>52.688000000000002</c:v>
                </c:pt>
                <c:pt idx="1609">
                  <c:v>52.493000000000002</c:v>
                </c:pt>
                <c:pt idx="1610">
                  <c:v>52.198999999999998</c:v>
                </c:pt>
                <c:pt idx="1611">
                  <c:v>52.59</c:v>
                </c:pt>
                <c:pt idx="1612">
                  <c:v>52.688000000000002</c:v>
                </c:pt>
                <c:pt idx="1613">
                  <c:v>52.59</c:v>
                </c:pt>
                <c:pt idx="1614">
                  <c:v>52.59</c:v>
                </c:pt>
                <c:pt idx="1615">
                  <c:v>52.688000000000002</c:v>
                </c:pt>
                <c:pt idx="1616">
                  <c:v>52.198999999999998</c:v>
                </c:pt>
                <c:pt idx="1617">
                  <c:v>52.395000000000003</c:v>
                </c:pt>
                <c:pt idx="1618">
                  <c:v>52.395000000000003</c:v>
                </c:pt>
                <c:pt idx="1619">
                  <c:v>52.493000000000002</c:v>
                </c:pt>
                <c:pt idx="1620">
                  <c:v>52.493000000000002</c:v>
                </c:pt>
                <c:pt idx="1621">
                  <c:v>52.493000000000002</c:v>
                </c:pt>
                <c:pt idx="1622">
                  <c:v>52.493000000000002</c:v>
                </c:pt>
                <c:pt idx="1623">
                  <c:v>52.493000000000002</c:v>
                </c:pt>
                <c:pt idx="1624">
                  <c:v>52.493000000000002</c:v>
                </c:pt>
                <c:pt idx="1625">
                  <c:v>52.395000000000003</c:v>
                </c:pt>
                <c:pt idx="1626">
                  <c:v>52.59</c:v>
                </c:pt>
                <c:pt idx="1627">
                  <c:v>52.395000000000003</c:v>
                </c:pt>
                <c:pt idx="1628">
                  <c:v>52.493000000000002</c:v>
                </c:pt>
                <c:pt idx="1629">
                  <c:v>52.493000000000002</c:v>
                </c:pt>
                <c:pt idx="1630">
                  <c:v>52.59</c:v>
                </c:pt>
                <c:pt idx="1631">
                  <c:v>52.59</c:v>
                </c:pt>
                <c:pt idx="1632">
                  <c:v>52.395000000000003</c:v>
                </c:pt>
                <c:pt idx="1633">
                  <c:v>52.59</c:v>
                </c:pt>
                <c:pt idx="1634">
                  <c:v>52.493000000000002</c:v>
                </c:pt>
                <c:pt idx="1635">
                  <c:v>52.59</c:v>
                </c:pt>
                <c:pt idx="1636">
                  <c:v>52.59</c:v>
                </c:pt>
                <c:pt idx="1637">
                  <c:v>52.59</c:v>
                </c:pt>
                <c:pt idx="1638">
                  <c:v>52.493000000000002</c:v>
                </c:pt>
                <c:pt idx="1639">
                  <c:v>52.493000000000002</c:v>
                </c:pt>
                <c:pt idx="1640">
                  <c:v>52.59</c:v>
                </c:pt>
                <c:pt idx="1641">
                  <c:v>52.493000000000002</c:v>
                </c:pt>
                <c:pt idx="1642">
                  <c:v>52.493000000000002</c:v>
                </c:pt>
                <c:pt idx="1643">
                  <c:v>52.493000000000002</c:v>
                </c:pt>
                <c:pt idx="1644">
                  <c:v>52.493000000000002</c:v>
                </c:pt>
                <c:pt idx="1645">
                  <c:v>52.493000000000002</c:v>
                </c:pt>
                <c:pt idx="1646">
                  <c:v>52.493000000000002</c:v>
                </c:pt>
                <c:pt idx="1647">
                  <c:v>52.59</c:v>
                </c:pt>
                <c:pt idx="1648">
                  <c:v>52.59</c:v>
                </c:pt>
                <c:pt idx="1649">
                  <c:v>52.59</c:v>
                </c:pt>
                <c:pt idx="1650">
                  <c:v>52.59</c:v>
                </c:pt>
                <c:pt idx="1651">
                  <c:v>52.59</c:v>
                </c:pt>
                <c:pt idx="1652">
                  <c:v>52.59</c:v>
                </c:pt>
                <c:pt idx="1653">
                  <c:v>52.59</c:v>
                </c:pt>
                <c:pt idx="1654">
                  <c:v>52.59</c:v>
                </c:pt>
                <c:pt idx="1655">
                  <c:v>52.59</c:v>
                </c:pt>
                <c:pt idx="1656">
                  <c:v>52.59</c:v>
                </c:pt>
                <c:pt idx="1657">
                  <c:v>52.59</c:v>
                </c:pt>
                <c:pt idx="1658">
                  <c:v>52.59</c:v>
                </c:pt>
                <c:pt idx="1659">
                  <c:v>52.493000000000002</c:v>
                </c:pt>
                <c:pt idx="1660">
                  <c:v>52.59</c:v>
                </c:pt>
                <c:pt idx="1661">
                  <c:v>52.59</c:v>
                </c:pt>
                <c:pt idx="1662">
                  <c:v>52.688000000000002</c:v>
                </c:pt>
                <c:pt idx="1663">
                  <c:v>52.59</c:v>
                </c:pt>
                <c:pt idx="1664">
                  <c:v>52.59</c:v>
                </c:pt>
                <c:pt idx="1665">
                  <c:v>52.59</c:v>
                </c:pt>
                <c:pt idx="1666">
                  <c:v>52.59</c:v>
                </c:pt>
                <c:pt idx="1667">
                  <c:v>52.59</c:v>
                </c:pt>
                <c:pt idx="1668">
                  <c:v>52.59</c:v>
                </c:pt>
                <c:pt idx="1669">
                  <c:v>52.59</c:v>
                </c:pt>
                <c:pt idx="1670">
                  <c:v>52.59</c:v>
                </c:pt>
                <c:pt idx="1671">
                  <c:v>52.59</c:v>
                </c:pt>
                <c:pt idx="1672">
                  <c:v>52.493000000000002</c:v>
                </c:pt>
                <c:pt idx="1673">
                  <c:v>52.59</c:v>
                </c:pt>
                <c:pt idx="1674">
                  <c:v>52.59</c:v>
                </c:pt>
                <c:pt idx="1675">
                  <c:v>52.493000000000002</c:v>
                </c:pt>
                <c:pt idx="1676">
                  <c:v>52.59</c:v>
                </c:pt>
                <c:pt idx="1677">
                  <c:v>52.59</c:v>
                </c:pt>
                <c:pt idx="1678">
                  <c:v>52.59</c:v>
                </c:pt>
                <c:pt idx="1679">
                  <c:v>52.493000000000002</c:v>
                </c:pt>
                <c:pt idx="1680">
                  <c:v>52.59</c:v>
                </c:pt>
                <c:pt idx="1681">
                  <c:v>52.59</c:v>
                </c:pt>
                <c:pt idx="1682">
                  <c:v>52.59</c:v>
                </c:pt>
                <c:pt idx="1683">
                  <c:v>52.59</c:v>
                </c:pt>
                <c:pt idx="1684">
                  <c:v>52.59</c:v>
                </c:pt>
                <c:pt idx="1685">
                  <c:v>52.59</c:v>
                </c:pt>
                <c:pt idx="1686">
                  <c:v>52.59</c:v>
                </c:pt>
                <c:pt idx="1687">
                  <c:v>52.59</c:v>
                </c:pt>
                <c:pt idx="1688">
                  <c:v>52.59</c:v>
                </c:pt>
                <c:pt idx="1689">
                  <c:v>52.59</c:v>
                </c:pt>
                <c:pt idx="1690">
                  <c:v>52.59</c:v>
                </c:pt>
                <c:pt idx="1691">
                  <c:v>52.59</c:v>
                </c:pt>
                <c:pt idx="1692">
                  <c:v>52.688000000000002</c:v>
                </c:pt>
                <c:pt idx="1693">
                  <c:v>52.688000000000002</c:v>
                </c:pt>
                <c:pt idx="1694">
                  <c:v>52.688000000000002</c:v>
                </c:pt>
                <c:pt idx="1695">
                  <c:v>52.688000000000002</c:v>
                </c:pt>
                <c:pt idx="1696">
                  <c:v>52.59</c:v>
                </c:pt>
                <c:pt idx="1697">
                  <c:v>52.59</c:v>
                </c:pt>
                <c:pt idx="1698">
                  <c:v>52.59</c:v>
                </c:pt>
                <c:pt idx="1699">
                  <c:v>52.59</c:v>
                </c:pt>
                <c:pt idx="1700">
                  <c:v>52.688000000000002</c:v>
                </c:pt>
                <c:pt idx="1701">
                  <c:v>52.59</c:v>
                </c:pt>
                <c:pt idx="1702">
                  <c:v>52.59</c:v>
                </c:pt>
                <c:pt idx="1703">
                  <c:v>52.884</c:v>
                </c:pt>
                <c:pt idx="1704">
                  <c:v>52.688000000000002</c:v>
                </c:pt>
                <c:pt idx="1705">
                  <c:v>52.688000000000002</c:v>
                </c:pt>
                <c:pt idx="1706">
                  <c:v>52.688000000000002</c:v>
                </c:pt>
                <c:pt idx="1707">
                  <c:v>52.59</c:v>
                </c:pt>
                <c:pt idx="1708">
                  <c:v>52.688000000000002</c:v>
                </c:pt>
                <c:pt idx="1709">
                  <c:v>52.688000000000002</c:v>
                </c:pt>
                <c:pt idx="1710">
                  <c:v>52.59</c:v>
                </c:pt>
                <c:pt idx="1711">
                  <c:v>52.493000000000002</c:v>
                </c:pt>
                <c:pt idx="1712">
                  <c:v>52.59</c:v>
                </c:pt>
                <c:pt idx="1713">
                  <c:v>52.59</c:v>
                </c:pt>
                <c:pt idx="1714">
                  <c:v>52.59</c:v>
                </c:pt>
                <c:pt idx="1715">
                  <c:v>52.59</c:v>
                </c:pt>
                <c:pt idx="1716">
                  <c:v>52.59</c:v>
                </c:pt>
                <c:pt idx="1717">
                  <c:v>52.688000000000002</c:v>
                </c:pt>
                <c:pt idx="1718">
                  <c:v>52.59</c:v>
                </c:pt>
                <c:pt idx="1719">
                  <c:v>52.59</c:v>
                </c:pt>
                <c:pt idx="1720">
                  <c:v>52.688000000000002</c:v>
                </c:pt>
                <c:pt idx="1721">
                  <c:v>52.59</c:v>
                </c:pt>
                <c:pt idx="1722">
                  <c:v>52.59</c:v>
                </c:pt>
                <c:pt idx="1723">
                  <c:v>52.59</c:v>
                </c:pt>
                <c:pt idx="1724">
                  <c:v>52.59</c:v>
                </c:pt>
                <c:pt idx="1725">
                  <c:v>52.688000000000002</c:v>
                </c:pt>
                <c:pt idx="1726">
                  <c:v>52.688000000000002</c:v>
                </c:pt>
                <c:pt idx="1727">
                  <c:v>52.59</c:v>
                </c:pt>
                <c:pt idx="1728">
                  <c:v>52.59</c:v>
                </c:pt>
                <c:pt idx="1729">
                  <c:v>52.688000000000002</c:v>
                </c:pt>
                <c:pt idx="1730">
                  <c:v>52.688000000000002</c:v>
                </c:pt>
                <c:pt idx="1731">
                  <c:v>52.59</c:v>
                </c:pt>
                <c:pt idx="1732">
                  <c:v>52.59</c:v>
                </c:pt>
                <c:pt idx="1733">
                  <c:v>52.688000000000002</c:v>
                </c:pt>
                <c:pt idx="1734">
                  <c:v>52.59</c:v>
                </c:pt>
                <c:pt idx="1735">
                  <c:v>52.688000000000002</c:v>
                </c:pt>
                <c:pt idx="1736">
                  <c:v>52.493000000000002</c:v>
                </c:pt>
                <c:pt idx="1737">
                  <c:v>52.59</c:v>
                </c:pt>
                <c:pt idx="1738">
                  <c:v>52.59</c:v>
                </c:pt>
                <c:pt idx="1739">
                  <c:v>52.493000000000002</c:v>
                </c:pt>
                <c:pt idx="1740">
                  <c:v>52.688000000000002</c:v>
                </c:pt>
                <c:pt idx="1741">
                  <c:v>52.59</c:v>
                </c:pt>
                <c:pt idx="1742">
                  <c:v>52.59</c:v>
                </c:pt>
                <c:pt idx="1743">
                  <c:v>52.59</c:v>
                </c:pt>
                <c:pt idx="1744">
                  <c:v>52.688000000000002</c:v>
                </c:pt>
                <c:pt idx="1745">
                  <c:v>52.59</c:v>
                </c:pt>
                <c:pt idx="1746">
                  <c:v>52.688000000000002</c:v>
                </c:pt>
                <c:pt idx="1747">
                  <c:v>52.688000000000002</c:v>
                </c:pt>
                <c:pt idx="1748">
                  <c:v>52.786000000000001</c:v>
                </c:pt>
                <c:pt idx="1749">
                  <c:v>52.688000000000002</c:v>
                </c:pt>
                <c:pt idx="1750">
                  <c:v>52.688000000000002</c:v>
                </c:pt>
                <c:pt idx="1751">
                  <c:v>52.59</c:v>
                </c:pt>
                <c:pt idx="1752">
                  <c:v>52.688000000000002</c:v>
                </c:pt>
                <c:pt idx="1753">
                  <c:v>52.688000000000002</c:v>
                </c:pt>
                <c:pt idx="1754">
                  <c:v>52.688000000000002</c:v>
                </c:pt>
                <c:pt idx="1755">
                  <c:v>52.688000000000002</c:v>
                </c:pt>
                <c:pt idx="1756">
                  <c:v>52.688000000000002</c:v>
                </c:pt>
                <c:pt idx="1757">
                  <c:v>52.688000000000002</c:v>
                </c:pt>
                <c:pt idx="1758">
                  <c:v>52.688000000000002</c:v>
                </c:pt>
                <c:pt idx="1759">
                  <c:v>52.688000000000002</c:v>
                </c:pt>
                <c:pt idx="1760">
                  <c:v>52.688000000000002</c:v>
                </c:pt>
                <c:pt idx="1761">
                  <c:v>52.688000000000002</c:v>
                </c:pt>
                <c:pt idx="1762">
                  <c:v>52.688000000000002</c:v>
                </c:pt>
                <c:pt idx="1763">
                  <c:v>52.688000000000002</c:v>
                </c:pt>
                <c:pt idx="1764">
                  <c:v>52.688000000000002</c:v>
                </c:pt>
                <c:pt idx="1765">
                  <c:v>52.688000000000002</c:v>
                </c:pt>
                <c:pt idx="1766">
                  <c:v>52.786000000000001</c:v>
                </c:pt>
                <c:pt idx="1767">
                  <c:v>52.786000000000001</c:v>
                </c:pt>
                <c:pt idx="1768">
                  <c:v>52.688000000000002</c:v>
                </c:pt>
                <c:pt idx="1769">
                  <c:v>52.688000000000002</c:v>
                </c:pt>
                <c:pt idx="1770">
                  <c:v>52.688000000000002</c:v>
                </c:pt>
                <c:pt idx="1771">
                  <c:v>52.688000000000002</c:v>
                </c:pt>
                <c:pt idx="1772">
                  <c:v>52.59</c:v>
                </c:pt>
                <c:pt idx="1773">
                  <c:v>52.59</c:v>
                </c:pt>
                <c:pt idx="1774">
                  <c:v>52.688000000000002</c:v>
                </c:pt>
                <c:pt idx="1775">
                  <c:v>52.688000000000002</c:v>
                </c:pt>
                <c:pt idx="1776">
                  <c:v>52.59</c:v>
                </c:pt>
                <c:pt idx="1777">
                  <c:v>52.59</c:v>
                </c:pt>
                <c:pt idx="1778">
                  <c:v>52.688000000000002</c:v>
                </c:pt>
                <c:pt idx="1779">
                  <c:v>52.688000000000002</c:v>
                </c:pt>
                <c:pt idx="1780">
                  <c:v>52.688000000000002</c:v>
                </c:pt>
                <c:pt idx="1781">
                  <c:v>52.688000000000002</c:v>
                </c:pt>
                <c:pt idx="1782">
                  <c:v>52.786000000000001</c:v>
                </c:pt>
                <c:pt idx="1783">
                  <c:v>52.884</c:v>
                </c:pt>
                <c:pt idx="1784">
                  <c:v>52.786000000000001</c:v>
                </c:pt>
                <c:pt idx="1785">
                  <c:v>52.786000000000001</c:v>
                </c:pt>
                <c:pt idx="1786">
                  <c:v>52.786000000000001</c:v>
                </c:pt>
                <c:pt idx="1787">
                  <c:v>52.786000000000001</c:v>
                </c:pt>
                <c:pt idx="1788">
                  <c:v>52.884</c:v>
                </c:pt>
                <c:pt idx="1789">
                  <c:v>52.786000000000001</c:v>
                </c:pt>
                <c:pt idx="1790">
                  <c:v>52.786000000000001</c:v>
                </c:pt>
                <c:pt idx="1791">
                  <c:v>52.786000000000001</c:v>
                </c:pt>
                <c:pt idx="1792">
                  <c:v>52.786000000000001</c:v>
                </c:pt>
                <c:pt idx="1793">
                  <c:v>52.786000000000001</c:v>
                </c:pt>
                <c:pt idx="1794">
                  <c:v>52.786000000000001</c:v>
                </c:pt>
                <c:pt idx="1795">
                  <c:v>52.786000000000001</c:v>
                </c:pt>
                <c:pt idx="1796">
                  <c:v>52.786000000000001</c:v>
                </c:pt>
                <c:pt idx="1797">
                  <c:v>52.786000000000001</c:v>
                </c:pt>
                <c:pt idx="1798">
                  <c:v>52.786000000000001</c:v>
                </c:pt>
                <c:pt idx="1799">
                  <c:v>52.88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268D-49E3-B4BB-E1BED8BD97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98308991"/>
        <c:axId val="2125355279"/>
      </c:scatterChart>
      <c:valAx>
        <c:axId val="798308991"/>
        <c:scaling>
          <c:orientation val="minMax"/>
          <c:max val="1799"/>
          <c:min val="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25355279"/>
        <c:crosses val="autoZero"/>
        <c:crossBetween val="midCat"/>
      </c:valAx>
      <c:valAx>
        <c:axId val="2125355279"/>
        <c:scaling>
          <c:orientation val="minMax"/>
          <c:max val="85"/>
          <c:min val="2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8308991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Light (%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30Inside'!$F$1</c:f>
              <c:strCache>
                <c:ptCount val="1"/>
                <c:pt idx="0">
                  <c:v>light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30Inside'!$A$2:$A$1801</c:f>
              <c:numCache>
                <c:formatCode>General</c:formatCode>
                <c:ptCount val="1800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1</c:v>
                </c:pt>
                <c:pt idx="1002">
                  <c:v>1002</c:v>
                </c:pt>
                <c:pt idx="1003">
                  <c:v>1003</c:v>
                </c:pt>
                <c:pt idx="1004">
                  <c:v>1004</c:v>
                </c:pt>
                <c:pt idx="1005">
                  <c:v>1005</c:v>
                </c:pt>
                <c:pt idx="1006">
                  <c:v>1006</c:v>
                </c:pt>
                <c:pt idx="1007">
                  <c:v>1007</c:v>
                </c:pt>
                <c:pt idx="1008">
                  <c:v>1008</c:v>
                </c:pt>
                <c:pt idx="1009">
                  <c:v>1009</c:v>
                </c:pt>
                <c:pt idx="1010">
                  <c:v>1010</c:v>
                </c:pt>
                <c:pt idx="1011">
                  <c:v>1011</c:v>
                </c:pt>
                <c:pt idx="1012">
                  <c:v>1012</c:v>
                </c:pt>
                <c:pt idx="1013">
                  <c:v>1013</c:v>
                </c:pt>
                <c:pt idx="1014">
                  <c:v>1014</c:v>
                </c:pt>
                <c:pt idx="1015">
                  <c:v>1015</c:v>
                </c:pt>
                <c:pt idx="1016">
                  <c:v>1016</c:v>
                </c:pt>
                <c:pt idx="1017">
                  <c:v>1017</c:v>
                </c:pt>
                <c:pt idx="1018">
                  <c:v>1018</c:v>
                </c:pt>
                <c:pt idx="1019">
                  <c:v>1019</c:v>
                </c:pt>
                <c:pt idx="1020">
                  <c:v>1020</c:v>
                </c:pt>
                <c:pt idx="1021">
                  <c:v>1021</c:v>
                </c:pt>
                <c:pt idx="1022">
                  <c:v>1022</c:v>
                </c:pt>
                <c:pt idx="1023">
                  <c:v>1023</c:v>
                </c:pt>
                <c:pt idx="1024">
                  <c:v>1024</c:v>
                </c:pt>
                <c:pt idx="1025">
                  <c:v>1025</c:v>
                </c:pt>
                <c:pt idx="1026">
                  <c:v>1026</c:v>
                </c:pt>
                <c:pt idx="1027">
                  <c:v>1027</c:v>
                </c:pt>
                <c:pt idx="1028">
                  <c:v>1028</c:v>
                </c:pt>
                <c:pt idx="1029">
                  <c:v>1029</c:v>
                </c:pt>
                <c:pt idx="1030">
                  <c:v>1030</c:v>
                </c:pt>
                <c:pt idx="1031">
                  <c:v>1031</c:v>
                </c:pt>
                <c:pt idx="1032">
                  <c:v>1032</c:v>
                </c:pt>
                <c:pt idx="1033">
                  <c:v>1033</c:v>
                </c:pt>
                <c:pt idx="1034">
                  <c:v>1034</c:v>
                </c:pt>
                <c:pt idx="1035">
                  <c:v>1035</c:v>
                </c:pt>
                <c:pt idx="1036">
                  <c:v>1036</c:v>
                </c:pt>
                <c:pt idx="1037">
                  <c:v>1037</c:v>
                </c:pt>
                <c:pt idx="1038">
                  <c:v>1038</c:v>
                </c:pt>
                <c:pt idx="1039">
                  <c:v>1039</c:v>
                </c:pt>
                <c:pt idx="1040">
                  <c:v>1040</c:v>
                </c:pt>
                <c:pt idx="1041">
                  <c:v>1041</c:v>
                </c:pt>
                <c:pt idx="1042">
                  <c:v>1042</c:v>
                </c:pt>
                <c:pt idx="1043">
                  <c:v>1043</c:v>
                </c:pt>
                <c:pt idx="1044">
                  <c:v>1044</c:v>
                </c:pt>
                <c:pt idx="1045">
                  <c:v>1045</c:v>
                </c:pt>
                <c:pt idx="1046">
                  <c:v>1046</c:v>
                </c:pt>
                <c:pt idx="1047">
                  <c:v>1047</c:v>
                </c:pt>
                <c:pt idx="1048">
                  <c:v>1048</c:v>
                </c:pt>
                <c:pt idx="1049">
                  <c:v>1049</c:v>
                </c:pt>
                <c:pt idx="1050">
                  <c:v>1050</c:v>
                </c:pt>
                <c:pt idx="1051">
                  <c:v>1051</c:v>
                </c:pt>
                <c:pt idx="1052">
                  <c:v>1052</c:v>
                </c:pt>
                <c:pt idx="1053">
                  <c:v>1053</c:v>
                </c:pt>
                <c:pt idx="1054">
                  <c:v>1054</c:v>
                </c:pt>
                <c:pt idx="1055">
                  <c:v>1055</c:v>
                </c:pt>
                <c:pt idx="1056">
                  <c:v>1056</c:v>
                </c:pt>
                <c:pt idx="1057">
                  <c:v>1057</c:v>
                </c:pt>
                <c:pt idx="1058">
                  <c:v>1058</c:v>
                </c:pt>
                <c:pt idx="1059">
                  <c:v>1059</c:v>
                </c:pt>
                <c:pt idx="1060">
                  <c:v>1060</c:v>
                </c:pt>
                <c:pt idx="1061">
                  <c:v>1061</c:v>
                </c:pt>
                <c:pt idx="1062">
                  <c:v>1062</c:v>
                </c:pt>
                <c:pt idx="1063">
                  <c:v>1063</c:v>
                </c:pt>
                <c:pt idx="1064">
                  <c:v>1064</c:v>
                </c:pt>
                <c:pt idx="1065">
                  <c:v>1065</c:v>
                </c:pt>
                <c:pt idx="1066">
                  <c:v>1066</c:v>
                </c:pt>
                <c:pt idx="1067">
                  <c:v>1067</c:v>
                </c:pt>
                <c:pt idx="1068">
                  <c:v>1068</c:v>
                </c:pt>
                <c:pt idx="1069">
                  <c:v>1069</c:v>
                </c:pt>
                <c:pt idx="1070">
                  <c:v>1070</c:v>
                </c:pt>
                <c:pt idx="1071">
                  <c:v>1071</c:v>
                </c:pt>
                <c:pt idx="1072">
                  <c:v>1072</c:v>
                </c:pt>
                <c:pt idx="1073">
                  <c:v>1073</c:v>
                </c:pt>
                <c:pt idx="1074">
                  <c:v>1074</c:v>
                </c:pt>
                <c:pt idx="1075">
                  <c:v>1075</c:v>
                </c:pt>
                <c:pt idx="1076">
                  <c:v>1076</c:v>
                </c:pt>
                <c:pt idx="1077">
                  <c:v>1077</c:v>
                </c:pt>
                <c:pt idx="1078">
                  <c:v>1078</c:v>
                </c:pt>
                <c:pt idx="1079">
                  <c:v>1079</c:v>
                </c:pt>
                <c:pt idx="1080">
                  <c:v>1080</c:v>
                </c:pt>
                <c:pt idx="1081">
                  <c:v>1081</c:v>
                </c:pt>
                <c:pt idx="1082">
                  <c:v>1082</c:v>
                </c:pt>
                <c:pt idx="1083">
                  <c:v>1083</c:v>
                </c:pt>
                <c:pt idx="1084">
                  <c:v>1084</c:v>
                </c:pt>
                <c:pt idx="1085">
                  <c:v>1085</c:v>
                </c:pt>
                <c:pt idx="1086">
                  <c:v>1086</c:v>
                </c:pt>
                <c:pt idx="1087">
                  <c:v>1087</c:v>
                </c:pt>
                <c:pt idx="1088">
                  <c:v>1088</c:v>
                </c:pt>
                <c:pt idx="1089">
                  <c:v>1089</c:v>
                </c:pt>
                <c:pt idx="1090">
                  <c:v>1090</c:v>
                </c:pt>
                <c:pt idx="1091">
                  <c:v>1091</c:v>
                </c:pt>
                <c:pt idx="1092">
                  <c:v>1092</c:v>
                </c:pt>
                <c:pt idx="1093">
                  <c:v>1093</c:v>
                </c:pt>
                <c:pt idx="1094">
                  <c:v>1094</c:v>
                </c:pt>
                <c:pt idx="1095">
                  <c:v>1095</c:v>
                </c:pt>
                <c:pt idx="1096">
                  <c:v>1096</c:v>
                </c:pt>
                <c:pt idx="1097">
                  <c:v>1097</c:v>
                </c:pt>
                <c:pt idx="1098">
                  <c:v>1098</c:v>
                </c:pt>
                <c:pt idx="1099">
                  <c:v>1099</c:v>
                </c:pt>
                <c:pt idx="1100">
                  <c:v>1100</c:v>
                </c:pt>
                <c:pt idx="1101">
                  <c:v>1101</c:v>
                </c:pt>
                <c:pt idx="1102">
                  <c:v>1102</c:v>
                </c:pt>
                <c:pt idx="1103">
                  <c:v>1103</c:v>
                </c:pt>
                <c:pt idx="1104">
                  <c:v>1104</c:v>
                </c:pt>
                <c:pt idx="1105">
                  <c:v>1105</c:v>
                </c:pt>
                <c:pt idx="1106">
                  <c:v>1106</c:v>
                </c:pt>
                <c:pt idx="1107">
                  <c:v>1107</c:v>
                </c:pt>
                <c:pt idx="1108">
                  <c:v>1108</c:v>
                </c:pt>
                <c:pt idx="1109">
                  <c:v>1109</c:v>
                </c:pt>
                <c:pt idx="1110">
                  <c:v>1110</c:v>
                </c:pt>
                <c:pt idx="1111">
                  <c:v>1111</c:v>
                </c:pt>
                <c:pt idx="1112">
                  <c:v>1112</c:v>
                </c:pt>
                <c:pt idx="1113">
                  <c:v>1113</c:v>
                </c:pt>
                <c:pt idx="1114">
                  <c:v>1114</c:v>
                </c:pt>
                <c:pt idx="1115">
                  <c:v>1115</c:v>
                </c:pt>
                <c:pt idx="1116">
                  <c:v>1116</c:v>
                </c:pt>
                <c:pt idx="1117">
                  <c:v>1117</c:v>
                </c:pt>
                <c:pt idx="1118">
                  <c:v>1118</c:v>
                </c:pt>
                <c:pt idx="1119">
                  <c:v>1119</c:v>
                </c:pt>
                <c:pt idx="1120">
                  <c:v>1120</c:v>
                </c:pt>
                <c:pt idx="1121">
                  <c:v>1121</c:v>
                </c:pt>
                <c:pt idx="1122">
                  <c:v>1122</c:v>
                </c:pt>
                <c:pt idx="1123">
                  <c:v>1123</c:v>
                </c:pt>
                <c:pt idx="1124">
                  <c:v>1124</c:v>
                </c:pt>
                <c:pt idx="1125">
                  <c:v>1125</c:v>
                </c:pt>
                <c:pt idx="1126">
                  <c:v>1126</c:v>
                </c:pt>
                <c:pt idx="1127">
                  <c:v>1127</c:v>
                </c:pt>
                <c:pt idx="1128">
                  <c:v>1128</c:v>
                </c:pt>
                <c:pt idx="1129">
                  <c:v>1129</c:v>
                </c:pt>
                <c:pt idx="1130">
                  <c:v>1130</c:v>
                </c:pt>
                <c:pt idx="1131">
                  <c:v>1131</c:v>
                </c:pt>
                <c:pt idx="1132">
                  <c:v>1132</c:v>
                </c:pt>
                <c:pt idx="1133">
                  <c:v>1133</c:v>
                </c:pt>
                <c:pt idx="1134">
                  <c:v>1134</c:v>
                </c:pt>
                <c:pt idx="1135">
                  <c:v>1135</c:v>
                </c:pt>
                <c:pt idx="1136">
                  <c:v>1136</c:v>
                </c:pt>
                <c:pt idx="1137">
                  <c:v>1137</c:v>
                </c:pt>
                <c:pt idx="1138">
                  <c:v>1138</c:v>
                </c:pt>
                <c:pt idx="1139">
                  <c:v>1139</c:v>
                </c:pt>
                <c:pt idx="1140">
                  <c:v>1140</c:v>
                </c:pt>
                <c:pt idx="1141">
                  <c:v>1141</c:v>
                </c:pt>
                <c:pt idx="1142">
                  <c:v>1142</c:v>
                </c:pt>
                <c:pt idx="1143">
                  <c:v>1143</c:v>
                </c:pt>
                <c:pt idx="1144">
                  <c:v>1144</c:v>
                </c:pt>
                <c:pt idx="1145">
                  <c:v>1145</c:v>
                </c:pt>
                <c:pt idx="1146">
                  <c:v>1146</c:v>
                </c:pt>
                <c:pt idx="1147">
                  <c:v>1147</c:v>
                </c:pt>
                <c:pt idx="1148">
                  <c:v>1148</c:v>
                </c:pt>
                <c:pt idx="1149">
                  <c:v>1149</c:v>
                </c:pt>
                <c:pt idx="1150">
                  <c:v>1150</c:v>
                </c:pt>
                <c:pt idx="1151">
                  <c:v>1151</c:v>
                </c:pt>
                <c:pt idx="1152">
                  <c:v>1152</c:v>
                </c:pt>
                <c:pt idx="1153">
                  <c:v>1153</c:v>
                </c:pt>
                <c:pt idx="1154">
                  <c:v>1154</c:v>
                </c:pt>
                <c:pt idx="1155">
                  <c:v>1155</c:v>
                </c:pt>
                <c:pt idx="1156">
                  <c:v>1156</c:v>
                </c:pt>
                <c:pt idx="1157">
                  <c:v>1157</c:v>
                </c:pt>
                <c:pt idx="1158">
                  <c:v>1158</c:v>
                </c:pt>
                <c:pt idx="1159">
                  <c:v>1159</c:v>
                </c:pt>
                <c:pt idx="1160">
                  <c:v>1160</c:v>
                </c:pt>
                <c:pt idx="1161">
                  <c:v>1161</c:v>
                </c:pt>
                <c:pt idx="1162">
                  <c:v>1162</c:v>
                </c:pt>
                <c:pt idx="1163">
                  <c:v>1163</c:v>
                </c:pt>
                <c:pt idx="1164">
                  <c:v>1164</c:v>
                </c:pt>
                <c:pt idx="1165">
                  <c:v>1165</c:v>
                </c:pt>
                <c:pt idx="1166">
                  <c:v>1166</c:v>
                </c:pt>
                <c:pt idx="1167">
                  <c:v>1167</c:v>
                </c:pt>
                <c:pt idx="1168">
                  <c:v>1168</c:v>
                </c:pt>
                <c:pt idx="1169">
                  <c:v>1169</c:v>
                </c:pt>
                <c:pt idx="1170">
                  <c:v>1170</c:v>
                </c:pt>
                <c:pt idx="1171">
                  <c:v>1171</c:v>
                </c:pt>
                <c:pt idx="1172">
                  <c:v>1172</c:v>
                </c:pt>
                <c:pt idx="1173">
                  <c:v>1173</c:v>
                </c:pt>
                <c:pt idx="1174">
                  <c:v>1174</c:v>
                </c:pt>
                <c:pt idx="1175">
                  <c:v>1175</c:v>
                </c:pt>
                <c:pt idx="1176">
                  <c:v>1176</c:v>
                </c:pt>
                <c:pt idx="1177">
                  <c:v>1177</c:v>
                </c:pt>
                <c:pt idx="1178">
                  <c:v>1178</c:v>
                </c:pt>
                <c:pt idx="1179">
                  <c:v>1179</c:v>
                </c:pt>
                <c:pt idx="1180">
                  <c:v>1180</c:v>
                </c:pt>
                <c:pt idx="1181">
                  <c:v>1181</c:v>
                </c:pt>
                <c:pt idx="1182">
                  <c:v>1182</c:v>
                </c:pt>
                <c:pt idx="1183">
                  <c:v>1183</c:v>
                </c:pt>
                <c:pt idx="1184">
                  <c:v>1184</c:v>
                </c:pt>
                <c:pt idx="1185">
                  <c:v>1185</c:v>
                </c:pt>
                <c:pt idx="1186">
                  <c:v>1186</c:v>
                </c:pt>
                <c:pt idx="1187">
                  <c:v>1187</c:v>
                </c:pt>
                <c:pt idx="1188">
                  <c:v>1188</c:v>
                </c:pt>
                <c:pt idx="1189">
                  <c:v>1189</c:v>
                </c:pt>
                <c:pt idx="1190">
                  <c:v>1190</c:v>
                </c:pt>
                <c:pt idx="1191">
                  <c:v>1191</c:v>
                </c:pt>
                <c:pt idx="1192">
                  <c:v>1192</c:v>
                </c:pt>
                <c:pt idx="1193">
                  <c:v>1193</c:v>
                </c:pt>
                <c:pt idx="1194">
                  <c:v>1194</c:v>
                </c:pt>
                <c:pt idx="1195">
                  <c:v>1195</c:v>
                </c:pt>
                <c:pt idx="1196">
                  <c:v>1196</c:v>
                </c:pt>
                <c:pt idx="1197">
                  <c:v>1197</c:v>
                </c:pt>
                <c:pt idx="1198">
                  <c:v>1198</c:v>
                </c:pt>
                <c:pt idx="1199">
                  <c:v>1199</c:v>
                </c:pt>
                <c:pt idx="1200">
                  <c:v>1200</c:v>
                </c:pt>
                <c:pt idx="1201">
                  <c:v>1201</c:v>
                </c:pt>
                <c:pt idx="1202">
                  <c:v>1202</c:v>
                </c:pt>
                <c:pt idx="1203">
                  <c:v>1203</c:v>
                </c:pt>
                <c:pt idx="1204">
                  <c:v>1204</c:v>
                </c:pt>
                <c:pt idx="1205">
                  <c:v>1205</c:v>
                </c:pt>
                <c:pt idx="1206">
                  <c:v>1206</c:v>
                </c:pt>
                <c:pt idx="1207">
                  <c:v>1207</c:v>
                </c:pt>
                <c:pt idx="1208">
                  <c:v>1208</c:v>
                </c:pt>
                <c:pt idx="1209">
                  <c:v>1209</c:v>
                </c:pt>
                <c:pt idx="1210">
                  <c:v>1210</c:v>
                </c:pt>
                <c:pt idx="1211">
                  <c:v>1211</c:v>
                </c:pt>
                <c:pt idx="1212">
                  <c:v>1212</c:v>
                </c:pt>
                <c:pt idx="1213">
                  <c:v>1213</c:v>
                </c:pt>
                <c:pt idx="1214">
                  <c:v>1214</c:v>
                </c:pt>
                <c:pt idx="1215">
                  <c:v>1215</c:v>
                </c:pt>
                <c:pt idx="1216">
                  <c:v>1216</c:v>
                </c:pt>
                <c:pt idx="1217">
                  <c:v>1217</c:v>
                </c:pt>
                <c:pt idx="1218">
                  <c:v>1218</c:v>
                </c:pt>
                <c:pt idx="1219">
                  <c:v>1219</c:v>
                </c:pt>
                <c:pt idx="1220">
                  <c:v>1220</c:v>
                </c:pt>
                <c:pt idx="1221">
                  <c:v>1221</c:v>
                </c:pt>
                <c:pt idx="1222">
                  <c:v>1222</c:v>
                </c:pt>
                <c:pt idx="1223">
                  <c:v>1223</c:v>
                </c:pt>
                <c:pt idx="1224">
                  <c:v>1224</c:v>
                </c:pt>
                <c:pt idx="1225">
                  <c:v>1225</c:v>
                </c:pt>
                <c:pt idx="1226">
                  <c:v>1226</c:v>
                </c:pt>
                <c:pt idx="1227">
                  <c:v>1227</c:v>
                </c:pt>
                <c:pt idx="1228">
                  <c:v>1228</c:v>
                </c:pt>
                <c:pt idx="1229">
                  <c:v>1229</c:v>
                </c:pt>
                <c:pt idx="1230">
                  <c:v>1230</c:v>
                </c:pt>
                <c:pt idx="1231">
                  <c:v>1231</c:v>
                </c:pt>
                <c:pt idx="1232">
                  <c:v>1232</c:v>
                </c:pt>
                <c:pt idx="1233">
                  <c:v>1233</c:v>
                </c:pt>
                <c:pt idx="1234">
                  <c:v>1234</c:v>
                </c:pt>
                <c:pt idx="1235">
                  <c:v>1235</c:v>
                </c:pt>
                <c:pt idx="1236">
                  <c:v>1236</c:v>
                </c:pt>
                <c:pt idx="1237">
                  <c:v>1237</c:v>
                </c:pt>
                <c:pt idx="1238">
                  <c:v>1238</c:v>
                </c:pt>
                <c:pt idx="1239">
                  <c:v>1239</c:v>
                </c:pt>
                <c:pt idx="1240">
                  <c:v>1240</c:v>
                </c:pt>
                <c:pt idx="1241">
                  <c:v>1241</c:v>
                </c:pt>
                <c:pt idx="1242">
                  <c:v>1242</c:v>
                </c:pt>
                <c:pt idx="1243">
                  <c:v>1243</c:v>
                </c:pt>
                <c:pt idx="1244">
                  <c:v>1244</c:v>
                </c:pt>
                <c:pt idx="1245">
                  <c:v>1245</c:v>
                </c:pt>
                <c:pt idx="1246">
                  <c:v>1246</c:v>
                </c:pt>
                <c:pt idx="1247">
                  <c:v>1247</c:v>
                </c:pt>
                <c:pt idx="1248">
                  <c:v>1248</c:v>
                </c:pt>
                <c:pt idx="1249">
                  <c:v>1249</c:v>
                </c:pt>
                <c:pt idx="1250">
                  <c:v>1250</c:v>
                </c:pt>
                <c:pt idx="1251">
                  <c:v>1251</c:v>
                </c:pt>
                <c:pt idx="1252">
                  <c:v>1252</c:v>
                </c:pt>
                <c:pt idx="1253">
                  <c:v>1253</c:v>
                </c:pt>
                <c:pt idx="1254">
                  <c:v>1254</c:v>
                </c:pt>
                <c:pt idx="1255">
                  <c:v>1255</c:v>
                </c:pt>
                <c:pt idx="1256">
                  <c:v>1256</c:v>
                </c:pt>
                <c:pt idx="1257">
                  <c:v>1257</c:v>
                </c:pt>
                <c:pt idx="1258">
                  <c:v>1258</c:v>
                </c:pt>
                <c:pt idx="1259">
                  <c:v>1259</c:v>
                </c:pt>
                <c:pt idx="1260">
                  <c:v>1260</c:v>
                </c:pt>
                <c:pt idx="1261">
                  <c:v>1261</c:v>
                </c:pt>
                <c:pt idx="1262">
                  <c:v>1262</c:v>
                </c:pt>
                <c:pt idx="1263">
                  <c:v>1263</c:v>
                </c:pt>
                <c:pt idx="1264">
                  <c:v>1264</c:v>
                </c:pt>
                <c:pt idx="1265">
                  <c:v>1265</c:v>
                </c:pt>
                <c:pt idx="1266">
                  <c:v>1266</c:v>
                </c:pt>
                <c:pt idx="1267">
                  <c:v>1267</c:v>
                </c:pt>
                <c:pt idx="1268">
                  <c:v>1268</c:v>
                </c:pt>
                <c:pt idx="1269">
                  <c:v>1269</c:v>
                </c:pt>
                <c:pt idx="1270">
                  <c:v>1270</c:v>
                </c:pt>
                <c:pt idx="1271">
                  <c:v>1271</c:v>
                </c:pt>
                <c:pt idx="1272">
                  <c:v>1272</c:v>
                </c:pt>
                <c:pt idx="1273">
                  <c:v>1273</c:v>
                </c:pt>
                <c:pt idx="1274">
                  <c:v>1274</c:v>
                </c:pt>
                <c:pt idx="1275">
                  <c:v>1275</c:v>
                </c:pt>
                <c:pt idx="1276">
                  <c:v>1276</c:v>
                </c:pt>
                <c:pt idx="1277">
                  <c:v>1277</c:v>
                </c:pt>
                <c:pt idx="1278">
                  <c:v>1278</c:v>
                </c:pt>
                <c:pt idx="1279">
                  <c:v>1279</c:v>
                </c:pt>
                <c:pt idx="1280">
                  <c:v>1280</c:v>
                </c:pt>
                <c:pt idx="1281">
                  <c:v>1281</c:v>
                </c:pt>
                <c:pt idx="1282">
                  <c:v>1282</c:v>
                </c:pt>
                <c:pt idx="1283">
                  <c:v>1283</c:v>
                </c:pt>
                <c:pt idx="1284">
                  <c:v>1284</c:v>
                </c:pt>
                <c:pt idx="1285">
                  <c:v>1285</c:v>
                </c:pt>
                <c:pt idx="1286">
                  <c:v>1286</c:v>
                </c:pt>
                <c:pt idx="1287">
                  <c:v>1287</c:v>
                </c:pt>
                <c:pt idx="1288">
                  <c:v>1288</c:v>
                </c:pt>
                <c:pt idx="1289">
                  <c:v>1289</c:v>
                </c:pt>
                <c:pt idx="1290">
                  <c:v>1290</c:v>
                </c:pt>
                <c:pt idx="1291">
                  <c:v>1291</c:v>
                </c:pt>
                <c:pt idx="1292">
                  <c:v>1292</c:v>
                </c:pt>
                <c:pt idx="1293">
                  <c:v>1293</c:v>
                </c:pt>
                <c:pt idx="1294">
                  <c:v>1294</c:v>
                </c:pt>
                <c:pt idx="1295">
                  <c:v>1295</c:v>
                </c:pt>
                <c:pt idx="1296">
                  <c:v>1296</c:v>
                </c:pt>
                <c:pt idx="1297">
                  <c:v>1297</c:v>
                </c:pt>
                <c:pt idx="1298">
                  <c:v>1298</c:v>
                </c:pt>
                <c:pt idx="1299">
                  <c:v>1299</c:v>
                </c:pt>
                <c:pt idx="1300">
                  <c:v>1300</c:v>
                </c:pt>
                <c:pt idx="1301">
                  <c:v>1301</c:v>
                </c:pt>
                <c:pt idx="1302">
                  <c:v>1302</c:v>
                </c:pt>
                <c:pt idx="1303">
                  <c:v>1303</c:v>
                </c:pt>
                <c:pt idx="1304">
                  <c:v>1304</c:v>
                </c:pt>
                <c:pt idx="1305">
                  <c:v>1305</c:v>
                </c:pt>
                <c:pt idx="1306">
                  <c:v>1306</c:v>
                </c:pt>
                <c:pt idx="1307">
                  <c:v>1307</c:v>
                </c:pt>
                <c:pt idx="1308">
                  <c:v>1308</c:v>
                </c:pt>
                <c:pt idx="1309">
                  <c:v>1309</c:v>
                </c:pt>
                <c:pt idx="1310">
                  <c:v>1310</c:v>
                </c:pt>
                <c:pt idx="1311">
                  <c:v>1311</c:v>
                </c:pt>
                <c:pt idx="1312">
                  <c:v>1312</c:v>
                </c:pt>
                <c:pt idx="1313">
                  <c:v>1313</c:v>
                </c:pt>
                <c:pt idx="1314">
                  <c:v>1314</c:v>
                </c:pt>
                <c:pt idx="1315">
                  <c:v>1315</c:v>
                </c:pt>
                <c:pt idx="1316">
                  <c:v>1316</c:v>
                </c:pt>
                <c:pt idx="1317">
                  <c:v>1317</c:v>
                </c:pt>
                <c:pt idx="1318">
                  <c:v>1318</c:v>
                </c:pt>
                <c:pt idx="1319">
                  <c:v>1319</c:v>
                </c:pt>
                <c:pt idx="1320">
                  <c:v>1320</c:v>
                </c:pt>
                <c:pt idx="1321">
                  <c:v>1321</c:v>
                </c:pt>
                <c:pt idx="1322">
                  <c:v>1322</c:v>
                </c:pt>
                <c:pt idx="1323">
                  <c:v>1323</c:v>
                </c:pt>
                <c:pt idx="1324">
                  <c:v>1324</c:v>
                </c:pt>
                <c:pt idx="1325">
                  <c:v>1325</c:v>
                </c:pt>
                <c:pt idx="1326">
                  <c:v>1326</c:v>
                </c:pt>
                <c:pt idx="1327">
                  <c:v>1327</c:v>
                </c:pt>
                <c:pt idx="1328">
                  <c:v>1328</c:v>
                </c:pt>
                <c:pt idx="1329">
                  <c:v>1329</c:v>
                </c:pt>
                <c:pt idx="1330">
                  <c:v>1330</c:v>
                </c:pt>
                <c:pt idx="1331">
                  <c:v>1331</c:v>
                </c:pt>
                <c:pt idx="1332">
                  <c:v>1332</c:v>
                </c:pt>
                <c:pt idx="1333">
                  <c:v>1333</c:v>
                </c:pt>
                <c:pt idx="1334">
                  <c:v>1334</c:v>
                </c:pt>
                <c:pt idx="1335">
                  <c:v>1335</c:v>
                </c:pt>
                <c:pt idx="1336">
                  <c:v>1336</c:v>
                </c:pt>
                <c:pt idx="1337">
                  <c:v>1337</c:v>
                </c:pt>
                <c:pt idx="1338">
                  <c:v>1338</c:v>
                </c:pt>
                <c:pt idx="1339">
                  <c:v>1339</c:v>
                </c:pt>
                <c:pt idx="1340">
                  <c:v>1340</c:v>
                </c:pt>
                <c:pt idx="1341">
                  <c:v>1341</c:v>
                </c:pt>
                <c:pt idx="1342">
                  <c:v>1342</c:v>
                </c:pt>
                <c:pt idx="1343">
                  <c:v>1343</c:v>
                </c:pt>
                <c:pt idx="1344">
                  <c:v>1344</c:v>
                </c:pt>
                <c:pt idx="1345">
                  <c:v>1345</c:v>
                </c:pt>
                <c:pt idx="1346">
                  <c:v>1346</c:v>
                </c:pt>
                <c:pt idx="1347">
                  <c:v>1347</c:v>
                </c:pt>
                <c:pt idx="1348">
                  <c:v>1348</c:v>
                </c:pt>
                <c:pt idx="1349">
                  <c:v>1349</c:v>
                </c:pt>
                <c:pt idx="1350">
                  <c:v>1350</c:v>
                </c:pt>
                <c:pt idx="1351">
                  <c:v>1351</c:v>
                </c:pt>
                <c:pt idx="1352">
                  <c:v>1352</c:v>
                </c:pt>
                <c:pt idx="1353">
                  <c:v>1353</c:v>
                </c:pt>
                <c:pt idx="1354">
                  <c:v>1354</c:v>
                </c:pt>
                <c:pt idx="1355">
                  <c:v>1355</c:v>
                </c:pt>
                <c:pt idx="1356">
                  <c:v>1356</c:v>
                </c:pt>
                <c:pt idx="1357">
                  <c:v>1357</c:v>
                </c:pt>
                <c:pt idx="1358">
                  <c:v>1358</c:v>
                </c:pt>
                <c:pt idx="1359">
                  <c:v>1359</c:v>
                </c:pt>
                <c:pt idx="1360">
                  <c:v>1360</c:v>
                </c:pt>
                <c:pt idx="1361">
                  <c:v>1361</c:v>
                </c:pt>
                <c:pt idx="1362">
                  <c:v>1362</c:v>
                </c:pt>
                <c:pt idx="1363">
                  <c:v>1363</c:v>
                </c:pt>
                <c:pt idx="1364">
                  <c:v>1364</c:v>
                </c:pt>
                <c:pt idx="1365">
                  <c:v>1365</c:v>
                </c:pt>
                <c:pt idx="1366">
                  <c:v>1366</c:v>
                </c:pt>
                <c:pt idx="1367">
                  <c:v>1367</c:v>
                </c:pt>
                <c:pt idx="1368">
                  <c:v>1368</c:v>
                </c:pt>
                <c:pt idx="1369">
                  <c:v>1369</c:v>
                </c:pt>
                <c:pt idx="1370">
                  <c:v>1370</c:v>
                </c:pt>
                <c:pt idx="1371">
                  <c:v>1371</c:v>
                </c:pt>
                <c:pt idx="1372">
                  <c:v>1372</c:v>
                </c:pt>
                <c:pt idx="1373">
                  <c:v>1373</c:v>
                </c:pt>
                <c:pt idx="1374">
                  <c:v>1374</c:v>
                </c:pt>
                <c:pt idx="1375">
                  <c:v>1375</c:v>
                </c:pt>
                <c:pt idx="1376">
                  <c:v>1376</c:v>
                </c:pt>
                <c:pt idx="1377">
                  <c:v>1377</c:v>
                </c:pt>
                <c:pt idx="1378">
                  <c:v>1378</c:v>
                </c:pt>
                <c:pt idx="1379">
                  <c:v>1379</c:v>
                </c:pt>
                <c:pt idx="1380">
                  <c:v>1380</c:v>
                </c:pt>
                <c:pt idx="1381">
                  <c:v>1381</c:v>
                </c:pt>
                <c:pt idx="1382">
                  <c:v>1382</c:v>
                </c:pt>
                <c:pt idx="1383">
                  <c:v>1383</c:v>
                </c:pt>
                <c:pt idx="1384">
                  <c:v>1384</c:v>
                </c:pt>
                <c:pt idx="1385">
                  <c:v>1385</c:v>
                </c:pt>
                <c:pt idx="1386">
                  <c:v>1386</c:v>
                </c:pt>
                <c:pt idx="1387">
                  <c:v>1387</c:v>
                </c:pt>
                <c:pt idx="1388">
                  <c:v>1388</c:v>
                </c:pt>
                <c:pt idx="1389">
                  <c:v>1389</c:v>
                </c:pt>
                <c:pt idx="1390">
                  <c:v>1390</c:v>
                </c:pt>
                <c:pt idx="1391">
                  <c:v>1391</c:v>
                </c:pt>
                <c:pt idx="1392">
                  <c:v>1392</c:v>
                </c:pt>
                <c:pt idx="1393">
                  <c:v>1393</c:v>
                </c:pt>
                <c:pt idx="1394">
                  <c:v>1394</c:v>
                </c:pt>
                <c:pt idx="1395">
                  <c:v>1395</c:v>
                </c:pt>
                <c:pt idx="1396">
                  <c:v>1396</c:v>
                </c:pt>
                <c:pt idx="1397">
                  <c:v>1397</c:v>
                </c:pt>
                <c:pt idx="1398">
                  <c:v>1398</c:v>
                </c:pt>
                <c:pt idx="1399">
                  <c:v>1399</c:v>
                </c:pt>
                <c:pt idx="1400">
                  <c:v>1400</c:v>
                </c:pt>
                <c:pt idx="1401">
                  <c:v>1401</c:v>
                </c:pt>
                <c:pt idx="1402">
                  <c:v>1402</c:v>
                </c:pt>
                <c:pt idx="1403">
                  <c:v>1403</c:v>
                </c:pt>
                <c:pt idx="1404">
                  <c:v>1404</c:v>
                </c:pt>
                <c:pt idx="1405">
                  <c:v>1405</c:v>
                </c:pt>
                <c:pt idx="1406">
                  <c:v>1406</c:v>
                </c:pt>
                <c:pt idx="1407">
                  <c:v>1407</c:v>
                </c:pt>
                <c:pt idx="1408">
                  <c:v>1408</c:v>
                </c:pt>
                <c:pt idx="1409">
                  <c:v>1409</c:v>
                </c:pt>
                <c:pt idx="1410">
                  <c:v>1410</c:v>
                </c:pt>
                <c:pt idx="1411">
                  <c:v>1411</c:v>
                </c:pt>
                <c:pt idx="1412">
                  <c:v>1412</c:v>
                </c:pt>
                <c:pt idx="1413">
                  <c:v>1413</c:v>
                </c:pt>
                <c:pt idx="1414">
                  <c:v>1414</c:v>
                </c:pt>
                <c:pt idx="1415">
                  <c:v>1415</c:v>
                </c:pt>
                <c:pt idx="1416">
                  <c:v>1416</c:v>
                </c:pt>
                <c:pt idx="1417">
                  <c:v>1417</c:v>
                </c:pt>
                <c:pt idx="1418">
                  <c:v>1418</c:v>
                </c:pt>
                <c:pt idx="1419">
                  <c:v>1419</c:v>
                </c:pt>
                <c:pt idx="1420">
                  <c:v>1420</c:v>
                </c:pt>
                <c:pt idx="1421">
                  <c:v>1421</c:v>
                </c:pt>
                <c:pt idx="1422">
                  <c:v>1422</c:v>
                </c:pt>
                <c:pt idx="1423">
                  <c:v>1423</c:v>
                </c:pt>
                <c:pt idx="1424">
                  <c:v>1424</c:v>
                </c:pt>
                <c:pt idx="1425">
                  <c:v>1425</c:v>
                </c:pt>
                <c:pt idx="1426">
                  <c:v>1426</c:v>
                </c:pt>
                <c:pt idx="1427">
                  <c:v>1427</c:v>
                </c:pt>
                <c:pt idx="1428">
                  <c:v>1428</c:v>
                </c:pt>
                <c:pt idx="1429">
                  <c:v>1429</c:v>
                </c:pt>
                <c:pt idx="1430">
                  <c:v>1430</c:v>
                </c:pt>
                <c:pt idx="1431">
                  <c:v>1431</c:v>
                </c:pt>
                <c:pt idx="1432">
                  <c:v>1432</c:v>
                </c:pt>
                <c:pt idx="1433">
                  <c:v>1433</c:v>
                </c:pt>
                <c:pt idx="1434">
                  <c:v>1434</c:v>
                </c:pt>
                <c:pt idx="1435">
                  <c:v>1435</c:v>
                </c:pt>
                <c:pt idx="1436">
                  <c:v>1436</c:v>
                </c:pt>
                <c:pt idx="1437">
                  <c:v>1437</c:v>
                </c:pt>
                <c:pt idx="1438">
                  <c:v>1438</c:v>
                </c:pt>
                <c:pt idx="1439">
                  <c:v>1439</c:v>
                </c:pt>
                <c:pt idx="1440">
                  <c:v>1440</c:v>
                </c:pt>
                <c:pt idx="1441">
                  <c:v>1441</c:v>
                </c:pt>
                <c:pt idx="1442">
                  <c:v>1442</c:v>
                </c:pt>
                <c:pt idx="1443">
                  <c:v>1443</c:v>
                </c:pt>
                <c:pt idx="1444">
                  <c:v>1444</c:v>
                </c:pt>
                <c:pt idx="1445">
                  <c:v>1445</c:v>
                </c:pt>
                <c:pt idx="1446">
                  <c:v>1446</c:v>
                </c:pt>
                <c:pt idx="1447">
                  <c:v>1447</c:v>
                </c:pt>
                <c:pt idx="1448">
                  <c:v>1448</c:v>
                </c:pt>
                <c:pt idx="1449">
                  <c:v>1449</c:v>
                </c:pt>
                <c:pt idx="1450">
                  <c:v>1450</c:v>
                </c:pt>
                <c:pt idx="1451">
                  <c:v>1451</c:v>
                </c:pt>
                <c:pt idx="1452">
                  <c:v>1452</c:v>
                </c:pt>
                <c:pt idx="1453">
                  <c:v>1453</c:v>
                </c:pt>
                <c:pt idx="1454">
                  <c:v>1454</c:v>
                </c:pt>
                <c:pt idx="1455">
                  <c:v>1455</c:v>
                </c:pt>
                <c:pt idx="1456">
                  <c:v>1456</c:v>
                </c:pt>
                <c:pt idx="1457">
                  <c:v>1457</c:v>
                </c:pt>
                <c:pt idx="1458">
                  <c:v>1458</c:v>
                </c:pt>
                <c:pt idx="1459">
                  <c:v>1459</c:v>
                </c:pt>
                <c:pt idx="1460">
                  <c:v>1460</c:v>
                </c:pt>
                <c:pt idx="1461">
                  <c:v>1461</c:v>
                </c:pt>
                <c:pt idx="1462">
                  <c:v>1462</c:v>
                </c:pt>
                <c:pt idx="1463">
                  <c:v>1463</c:v>
                </c:pt>
                <c:pt idx="1464">
                  <c:v>1464</c:v>
                </c:pt>
                <c:pt idx="1465">
                  <c:v>1465</c:v>
                </c:pt>
                <c:pt idx="1466">
                  <c:v>1466</c:v>
                </c:pt>
                <c:pt idx="1467">
                  <c:v>1467</c:v>
                </c:pt>
                <c:pt idx="1468">
                  <c:v>1468</c:v>
                </c:pt>
                <c:pt idx="1469">
                  <c:v>1469</c:v>
                </c:pt>
                <c:pt idx="1470">
                  <c:v>1470</c:v>
                </c:pt>
                <c:pt idx="1471">
                  <c:v>1471</c:v>
                </c:pt>
                <c:pt idx="1472">
                  <c:v>1472</c:v>
                </c:pt>
                <c:pt idx="1473">
                  <c:v>1473</c:v>
                </c:pt>
                <c:pt idx="1474">
                  <c:v>1474</c:v>
                </c:pt>
                <c:pt idx="1475">
                  <c:v>1475</c:v>
                </c:pt>
                <c:pt idx="1476">
                  <c:v>1476</c:v>
                </c:pt>
                <c:pt idx="1477">
                  <c:v>1477</c:v>
                </c:pt>
                <c:pt idx="1478">
                  <c:v>1478</c:v>
                </c:pt>
                <c:pt idx="1479">
                  <c:v>1479</c:v>
                </c:pt>
                <c:pt idx="1480">
                  <c:v>1480</c:v>
                </c:pt>
                <c:pt idx="1481">
                  <c:v>1481</c:v>
                </c:pt>
                <c:pt idx="1482">
                  <c:v>1482</c:v>
                </c:pt>
                <c:pt idx="1483">
                  <c:v>1483</c:v>
                </c:pt>
                <c:pt idx="1484">
                  <c:v>1484</c:v>
                </c:pt>
                <c:pt idx="1485">
                  <c:v>1485</c:v>
                </c:pt>
                <c:pt idx="1486">
                  <c:v>1486</c:v>
                </c:pt>
                <c:pt idx="1487">
                  <c:v>1487</c:v>
                </c:pt>
                <c:pt idx="1488">
                  <c:v>1488</c:v>
                </c:pt>
                <c:pt idx="1489">
                  <c:v>1489</c:v>
                </c:pt>
                <c:pt idx="1490">
                  <c:v>1490</c:v>
                </c:pt>
                <c:pt idx="1491">
                  <c:v>1491</c:v>
                </c:pt>
                <c:pt idx="1492">
                  <c:v>1492</c:v>
                </c:pt>
                <c:pt idx="1493">
                  <c:v>1493</c:v>
                </c:pt>
                <c:pt idx="1494">
                  <c:v>1494</c:v>
                </c:pt>
                <c:pt idx="1495">
                  <c:v>1495</c:v>
                </c:pt>
                <c:pt idx="1496">
                  <c:v>1496</c:v>
                </c:pt>
                <c:pt idx="1497">
                  <c:v>1497</c:v>
                </c:pt>
                <c:pt idx="1498">
                  <c:v>1498</c:v>
                </c:pt>
                <c:pt idx="1499">
                  <c:v>1499</c:v>
                </c:pt>
                <c:pt idx="1500">
                  <c:v>1500</c:v>
                </c:pt>
                <c:pt idx="1501">
                  <c:v>1501</c:v>
                </c:pt>
                <c:pt idx="1502">
                  <c:v>1502</c:v>
                </c:pt>
                <c:pt idx="1503">
                  <c:v>1503</c:v>
                </c:pt>
                <c:pt idx="1504">
                  <c:v>1504</c:v>
                </c:pt>
                <c:pt idx="1505">
                  <c:v>1505</c:v>
                </c:pt>
                <c:pt idx="1506">
                  <c:v>1506</c:v>
                </c:pt>
                <c:pt idx="1507">
                  <c:v>1507</c:v>
                </c:pt>
                <c:pt idx="1508">
                  <c:v>1508</c:v>
                </c:pt>
                <c:pt idx="1509">
                  <c:v>1509</c:v>
                </c:pt>
                <c:pt idx="1510">
                  <c:v>1510</c:v>
                </c:pt>
                <c:pt idx="1511">
                  <c:v>1511</c:v>
                </c:pt>
                <c:pt idx="1512">
                  <c:v>1512</c:v>
                </c:pt>
                <c:pt idx="1513">
                  <c:v>1513</c:v>
                </c:pt>
                <c:pt idx="1514">
                  <c:v>1514</c:v>
                </c:pt>
                <c:pt idx="1515">
                  <c:v>1515</c:v>
                </c:pt>
                <c:pt idx="1516">
                  <c:v>1516</c:v>
                </c:pt>
                <c:pt idx="1517">
                  <c:v>1517</c:v>
                </c:pt>
                <c:pt idx="1518">
                  <c:v>1518</c:v>
                </c:pt>
                <c:pt idx="1519">
                  <c:v>1519</c:v>
                </c:pt>
                <c:pt idx="1520">
                  <c:v>1520</c:v>
                </c:pt>
                <c:pt idx="1521">
                  <c:v>1521</c:v>
                </c:pt>
                <c:pt idx="1522">
                  <c:v>1522</c:v>
                </c:pt>
                <c:pt idx="1523">
                  <c:v>1523</c:v>
                </c:pt>
                <c:pt idx="1524">
                  <c:v>1524</c:v>
                </c:pt>
                <c:pt idx="1525">
                  <c:v>1525</c:v>
                </c:pt>
                <c:pt idx="1526">
                  <c:v>1526</c:v>
                </c:pt>
                <c:pt idx="1527">
                  <c:v>1527</c:v>
                </c:pt>
                <c:pt idx="1528">
                  <c:v>1528</c:v>
                </c:pt>
                <c:pt idx="1529">
                  <c:v>1529</c:v>
                </c:pt>
                <c:pt idx="1530">
                  <c:v>1530</c:v>
                </c:pt>
                <c:pt idx="1531">
                  <c:v>1531</c:v>
                </c:pt>
                <c:pt idx="1532">
                  <c:v>1532</c:v>
                </c:pt>
                <c:pt idx="1533">
                  <c:v>1533</c:v>
                </c:pt>
                <c:pt idx="1534">
                  <c:v>1534</c:v>
                </c:pt>
                <c:pt idx="1535">
                  <c:v>1535</c:v>
                </c:pt>
                <c:pt idx="1536">
                  <c:v>1536</c:v>
                </c:pt>
                <c:pt idx="1537">
                  <c:v>1537</c:v>
                </c:pt>
                <c:pt idx="1538">
                  <c:v>1538</c:v>
                </c:pt>
                <c:pt idx="1539">
                  <c:v>1539</c:v>
                </c:pt>
                <c:pt idx="1540">
                  <c:v>1540</c:v>
                </c:pt>
                <c:pt idx="1541">
                  <c:v>1541</c:v>
                </c:pt>
                <c:pt idx="1542">
                  <c:v>1542</c:v>
                </c:pt>
                <c:pt idx="1543">
                  <c:v>1543</c:v>
                </c:pt>
                <c:pt idx="1544">
                  <c:v>1544</c:v>
                </c:pt>
                <c:pt idx="1545">
                  <c:v>1545</c:v>
                </c:pt>
                <c:pt idx="1546">
                  <c:v>1546</c:v>
                </c:pt>
                <c:pt idx="1547">
                  <c:v>1547</c:v>
                </c:pt>
                <c:pt idx="1548">
                  <c:v>1548</c:v>
                </c:pt>
                <c:pt idx="1549">
                  <c:v>1549</c:v>
                </c:pt>
                <c:pt idx="1550">
                  <c:v>1550</c:v>
                </c:pt>
                <c:pt idx="1551">
                  <c:v>1551</c:v>
                </c:pt>
                <c:pt idx="1552">
                  <c:v>1552</c:v>
                </c:pt>
                <c:pt idx="1553">
                  <c:v>1553</c:v>
                </c:pt>
                <c:pt idx="1554">
                  <c:v>1554</c:v>
                </c:pt>
                <c:pt idx="1555">
                  <c:v>1555</c:v>
                </c:pt>
                <c:pt idx="1556">
                  <c:v>1556</c:v>
                </c:pt>
                <c:pt idx="1557">
                  <c:v>1557</c:v>
                </c:pt>
                <c:pt idx="1558">
                  <c:v>1558</c:v>
                </c:pt>
                <c:pt idx="1559">
                  <c:v>1559</c:v>
                </c:pt>
                <c:pt idx="1560">
                  <c:v>1560</c:v>
                </c:pt>
                <c:pt idx="1561">
                  <c:v>1561</c:v>
                </c:pt>
                <c:pt idx="1562">
                  <c:v>1562</c:v>
                </c:pt>
                <c:pt idx="1563">
                  <c:v>1563</c:v>
                </c:pt>
                <c:pt idx="1564">
                  <c:v>1564</c:v>
                </c:pt>
                <c:pt idx="1565">
                  <c:v>1565</c:v>
                </c:pt>
                <c:pt idx="1566">
                  <c:v>1566</c:v>
                </c:pt>
                <c:pt idx="1567">
                  <c:v>1567</c:v>
                </c:pt>
                <c:pt idx="1568">
                  <c:v>1568</c:v>
                </c:pt>
                <c:pt idx="1569">
                  <c:v>1569</c:v>
                </c:pt>
                <c:pt idx="1570">
                  <c:v>1570</c:v>
                </c:pt>
                <c:pt idx="1571">
                  <c:v>1571</c:v>
                </c:pt>
                <c:pt idx="1572">
                  <c:v>1572</c:v>
                </c:pt>
                <c:pt idx="1573">
                  <c:v>1573</c:v>
                </c:pt>
                <c:pt idx="1574">
                  <c:v>1574</c:v>
                </c:pt>
                <c:pt idx="1575">
                  <c:v>1575</c:v>
                </c:pt>
                <c:pt idx="1576">
                  <c:v>1576</c:v>
                </c:pt>
                <c:pt idx="1577">
                  <c:v>1577</c:v>
                </c:pt>
                <c:pt idx="1578">
                  <c:v>1578</c:v>
                </c:pt>
                <c:pt idx="1579">
                  <c:v>1579</c:v>
                </c:pt>
                <c:pt idx="1580">
                  <c:v>1580</c:v>
                </c:pt>
                <c:pt idx="1581">
                  <c:v>1581</c:v>
                </c:pt>
                <c:pt idx="1582">
                  <c:v>1582</c:v>
                </c:pt>
                <c:pt idx="1583">
                  <c:v>1583</c:v>
                </c:pt>
                <c:pt idx="1584">
                  <c:v>1584</c:v>
                </c:pt>
                <c:pt idx="1585">
                  <c:v>1585</c:v>
                </c:pt>
                <c:pt idx="1586">
                  <c:v>1586</c:v>
                </c:pt>
                <c:pt idx="1587">
                  <c:v>1587</c:v>
                </c:pt>
                <c:pt idx="1588">
                  <c:v>1588</c:v>
                </c:pt>
                <c:pt idx="1589">
                  <c:v>1589</c:v>
                </c:pt>
                <c:pt idx="1590">
                  <c:v>1590</c:v>
                </c:pt>
                <c:pt idx="1591">
                  <c:v>1591</c:v>
                </c:pt>
                <c:pt idx="1592">
                  <c:v>1592</c:v>
                </c:pt>
                <c:pt idx="1593">
                  <c:v>1593</c:v>
                </c:pt>
                <c:pt idx="1594">
                  <c:v>1594</c:v>
                </c:pt>
                <c:pt idx="1595">
                  <c:v>1595</c:v>
                </c:pt>
                <c:pt idx="1596">
                  <c:v>1596</c:v>
                </c:pt>
                <c:pt idx="1597">
                  <c:v>1597</c:v>
                </c:pt>
                <c:pt idx="1598">
                  <c:v>1598</c:v>
                </c:pt>
                <c:pt idx="1599">
                  <c:v>1599</c:v>
                </c:pt>
                <c:pt idx="1600">
                  <c:v>1600</c:v>
                </c:pt>
                <c:pt idx="1601">
                  <c:v>1601</c:v>
                </c:pt>
                <c:pt idx="1602">
                  <c:v>1602</c:v>
                </c:pt>
                <c:pt idx="1603">
                  <c:v>1603</c:v>
                </c:pt>
                <c:pt idx="1604">
                  <c:v>1604</c:v>
                </c:pt>
                <c:pt idx="1605">
                  <c:v>1605</c:v>
                </c:pt>
                <c:pt idx="1606">
                  <c:v>1606</c:v>
                </c:pt>
                <c:pt idx="1607">
                  <c:v>1607</c:v>
                </c:pt>
                <c:pt idx="1608">
                  <c:v>1608</c:v>
                </c:pt>
                <c:pt idx="1609">
                  <c:v>1609</c:v>
                </c:pt>
                <c:pt idx="1610">
                  <c:v>1610</c:v>
                </c:pt>
                <c:pt idx="1611">
                  <c:v>1611</c:v>
                </c:pt>
                <c:pt idx="1612">
                  <c:v>1612</c:v>
                </c:pt>
                <c:pt idx="1613">
                  <c:v>1613</c:v>
                </c:pt>
                <c:pt idx="1614">
                  <c:v>1614</c:v>
                </c:pt>
                <c:pt idx="1615">
                  <c:v>1615</c:v>
                </c:pt>
                <c:pt idx="1616">
                  <c:v>1616</c:v>
                </c:pt>
                <c:pt idx="1617">
                  <c:v>1617</c:v>
                </c:pt>
                <c:pt idx="1618">
                  <c:v>1618</c:v>
                </c:pt>
                <c:pt idx="1619">
                  <c:v>1619</c:v>
                </c:pt>
                <c:pt idx="1620">
                  <c:v>1620</c:v>
                </c:pt>
                <c:pt idx="1621">
                  <c:v>1621</c:v>
                </c:pt>
                <c:pt idx="1622">
                  <c:v>1622</c:v>
                </c:pt>
                <c:pt idx="1623">
                  <c:v>1623</c:v>
                </c:pt>
                <c:pt idx="1624">
                  <c:v>1624</c:v>
                </c:pt>
                <c:pt idx="1625">
                  <c:v>1625</c:v>
                </c:pt>
                <c:pt idx="1626">
                  <c:v>1626</c:v>
                </c:pt>
                <c:pt idx="1627">
                  <c:v>1627</c:v>
                </c:pt>
                <c:pt idx="1628">
                  <c:v>1628</c:v>
                </c:pt>
                <c:pt idx="1629">
                  <c:v>1629</c:v>
                </c:pt>
                <c:pt idx="1630">
                  <c:v>1630</c:v>
                </c:pt>
                <c:pt idx="1631">
                  <c:v>1631</c:v>
                </c:pt>
                <c:pt idx="1632">
                  <c:v>1632</c:v>
                </c:pt>
                <c:pt idx="1633">
                  <c:v>1633</c:v>
                </c:pt>
                <c:pt idx="1634">
                  <c:v>1634</c:v>
                </c:pt>
                <c:pt idx="1635">
                  <c:v>1635</c:v>
                </c:pt>
                <c:pt idx="1636">
                  <c:v>1636</c:v>
                </c:pt>
                <c:pt idx="1637">
                  <c:v>1637</c:v>
                </c:pt>
                <c:pt idx="1638">
                  <c:v>1638</c:v>
                </c:pt>
                <c:pt idx="1639">
                  <c:v>1639</c:v>
                </c:pt>
                <c:pt idx="1640">
                  <c:v>1640</c:v>
                </c:pt>
                <c:pt idx="1641">
                  <c:v>1641</c:v>
                </c:pt>
                <c:pt idx="1642">
                  <c:v>1642</c:v>
                </c:pt>
                <c:pt idx="1643">
                  <c:v>1643</c:v>
                </c:pt>
                <c:pt idx="1644">
                  <c:v>1644</c:v>
                </c:pt>
                <c:pt idx="1645">
                  <c:v>1645</c:v>
                </c:pt>
                <c:pt idx="1646">
                  <c:v>1646</c:v>
                </c:pt>
                <c:pt idx="1647">
                  <c:v>1647</c:v>
                </c:pt>
                <c:pt idx="1648">
                  <c:v>1648</c:v>
                </c:pt>
                <c:pt idx="1649">
                  <c:v>1649</c:v>
                </c:pt>
                <c:pt idx="1650">
                  <c:v>1650</c:v>
                </c:pt>
                <c:pt idx="1651">
                  <c:v>1651</c:v>
                </c:pt>
                <c:pt idx="1652">
                  <c:v>1652</c:v>
                </c:pt>
                <c:pt idx="1653">
                  <c:v>1653</c:v>
                </c:pt>
                <c:pt idx="1654">
                  <c:v>1654</c:v>
                </c:pt>
                <c:pt idx="1655">
                  <c:v>1655</c:v>
                </c:pt>
                <c:pt idx="1656">
                  <c:v>1656</c:v>
                </c:pt>
                <c:pt idx="1657">
                  <c:v>1657</c:v>
                </c:pt>
                <c:pt idx="1658">
                  <c:v>1658</c:v>
                </c:pt>
                <c:pt idx="1659">
                  <c:v>1659</c:v>
                </c:pt>
                <c:pt idx="1660">
                  <c:v>1660</c:v>
                </c:pt>
                <c:pt idx="1661">
                  <c:v>1661</c:v>
                </c:pt>
                <c:pt idx="1662">
                  <c:v>1662</c:v>
                </c:pt>
                <c:pt idx="1663">
                  <c:v>1663</c:v>
                </c:pt>
                <c:pt idx="1664">
                  <c:v>1664</c:v>
                </c:pt>
                <c:pt idx="1665">
                  <c:v>1665</c:v>
                </c:pt>
                <c:pt idx="1666">
                  <c:v>1666</c:v>
                </c:pt>
                <c:pt idx="1667">
                  <c:v>1667</c:v>
                </c:pt>
                <c:pt idx="1668">
                  <c:v>1668</c:v>
                </c:pt>
                <c:pt idx="1669">
                  <c:v>1669</c:v>
                </c:pt>
                <c:pt idx="1670">
                  <c:v>1670</c:v>
                </c:pt>
                <c:pt idx="1671">
                  <c:v>1671</c:v>
                </c:pt>
                <c:pt idx="1672">
                  <c:v>1672</c:v>
                </c:pt>
                <c:pt idx="1673">
                  <c:v>1673</c:v>
                </c:pt>
                <c:pt idx="1674">
                  <c:v>1674</c:v>
                </c:pt>
                <c:pt idx="1675">
                  <c:v>1675</c:v>
                </c:pt>
                <c:pt idx="1676">
                  <c:v>1676</c:v>
                </c:pt>
                <c:pt idx="1677">
                  <c:v>1677</c:v>
                </c:pt>
                <c:pt idx="1678">
                  <c:v>1678</c:v>
                </c:pt>
                <c:pt idx="1679">
                  <c:v>1679</c:v>
                </c:pt>
                <c:pt idx="1680">
                  <c:v>1680</c:v>
                </c:pt>
                <c:pt idx="1681">
                  <c:v>1681</c:v>
                </c:pt>
                <c:pt idx="1682">
                  <c:v>1682</c:v>
                </c:pt>
                <c:pt idx="1683">
                  <c:v>1683</c:v>
                </c:pt>
                <c:pt idx="1684">
                  <c:v>1684</c:v>
                </c:pt>
                <c:pt idx="1685">
                  <c:v>1685</c:v>
                </c:pt>
                <c:pt idx="1686">
                  <c:v>1686</c:v>
                </c:pt>
                <c:pt idx="1687">
                  <c:v>1687</c:v>
                </c:pt>
                <c:pt idx="1688">
                  <c:v>1688</c:v>
                </c:pt>
                <c:pt idx="1689">
                  <c:v>1689</c:v>
                </c:pt>
                <c:pt idx="1690">
                  <c:v>1690</c:v>
                </c:pt>
                <c:pt idx="1691">
                  <c:v>1691</c:v>
                </c:pt>
                <c:pt idx="1692">
                  <c:v>1692</c:v>
                </c:pt>
                <c:pt idx="1693">
                  <c:v>1693</c:v>
                </c:pt>
                <c:pt idx="1694">
                  <c:v>1694</c:v>
                </c:pt>
                <c:pt idx="1695">
                  <c:v>1695</c:v>
                </c:pt>
                <c:pt idx="1696">
                  <c:v>1696</c:v>
                </c:pt>
                <c:pt idx="1697">
                  <c:v>1697</c:v>
                </c:pt>
                <c:pt idx="1698">
                  <c:v>1698</c:v>
                </c:pt>
                <c:pt idx="1699">
                  <c:v>1699</c:v>
                </c:pt>
                <c:pt idx="1700">
                  <c:v>1700</c:v>
                </c:pt>
                <c:pt idx="1701">
                  <c:v>1701</c:v>
                </c:pt>
                <c:pt idx="1702">
                  <c:v>1702</c:v>
                </c:pt>
                <c:pt idx="1703">
                  <c:v>1703</c:v>
                </c:pt>
                <c:pt idx="1704">
                  <c:v>1704</c:v>
                </c:pt>
                <c:pt idx="1705">
                  <c:v>1705</c:v>
                </c:pt>
                <c:pt idx="1706">
                  <c:v>1706</c:v>
                </c:pt>
                <c:pt idx="1707">
                  <c:v>1707</c:v>
                </c:pt>
                <c:pt idx="1708">
                  <c:v>1708</c:v>
                </c:pt>
                <c:pt idx="1709">
                  <c:v>1709</c:v>
                </c:pt>
                <c:pt idx="1710">
                  <c:v>1710</c:v>
                </c:pt>
                <c:pt idx="1711">
                  <c:v>1711</c:v>
                </c:pt>
                <c:pt idx="1712">
                  <c:v>1712</c:v>
                </c:pt>
                <c:pt idx="1713">
                  <c:v>1713</c:v>
                </c:pt>
                <c:pt idx="1714">
                  <c:v>1714</c:v>
                </c:pt>
                <c:pt idx="1715">
                  <c:v>1715</c:v>
                </c:pt>
                <c:pt idx="1716">
                  <c:v>1716</c:v>
                </c:pt>
                <c:pt idx="1717">
                  <c:v>1717</c:v>
                </c:pt>
                <c:pt idx="1718">
                  <c:v>1718</c:v>
                </c:pt>
                <c:pt idx="1719">
                  <c:v>1719</c:v>
                </c:pt>
                <c:pt idx="1720">
                  <c:v>1720</c:v>
                </c:pt>
                <c:pt idx="1721">
                  <c:v>1721</c:v>
                </c:pt>
                <c:pt idx="1722">
                  <c:v>1722</c:v>
                </c:pt>
                <c:pt idx="1723">
                  <c:v>1723</c:v>
                </c:pt>
                <c:pt idx="1724">
                  <c:v>1724</c:v>
                </c:pt>
                <c:pt idx="1725">
                  <c:v>1725</c:v>
                </c:pt>
                <c:pt idx="1726">
                  <c:v>1726</c:v>
                </c:pt>
                <c:pt idx="1727">
                  <c:v>1727</c:v>
                </c:pt>
                <c:pt idx="1728">
                  <c:v>1728</c:v>
                </c:pt>
                <c:pt idx="1729">
                  <c:v>1729</c:v>
                </c:pt>
                <c:pt idx="1730">
                  <c:v>1730</c:v>
                </c:pt>
                <c:pt idx="1731">
                  <c:v>1731</c:v>
                </c:pt>
                <c:pt idx="1732">
                  <c:v>1732</c:v>
                </c:pt>
                <c:pt idx="1733">
                  <c:v>1733</c:v>
                </c:pt>
                <c:pt idx="1734">
                  <c:v>1734</c:v>
                </c:pt>
                <c:pt idx="1735">
                  <c:v>1735</c:v>
                </c:pt>
                <c:pt idx="1736">
                  <c:v>1736</c:v>
                </c:pt>
                <c:pt idx="1737">
                  <c:v>1737</c:v>
                </c:pt>
                <c:pt idx="1738">
                  <c:v>1738</c:v>
                </c:pt>
                <c:pt idx="1739">
                  <c:v>1739</c:v>
                </c:pt>
                <c:pt idx="1740">
                  <c:v>1740</c:v>
                </c:pt>
                <c:pt idx="1741">
                  <c:v>1741</c:v>
                </c:pt>
                <c:pt idx="1742">
                  <c:v>1742</c:v>
                </c:pt>
                <c:pt idx="1743">
                  <c:v>1743</c:v>
                </c:pt>
                <c:pt idx="1744">
                  <c:v>1744</c:v>
                </c:pt>
                <c:pt idx="1745">
                  <c:v>1745</c:v>
                </c:pt>
                <c:pt idx="1746">
                  <c:v>1746</c:v>
                </c:pt>
                <c:pt idx="1747">
                  <c:v>1747</c:v>
                </c:pt>
                <c:pt idx="1748">
                  <c:v>1748</c:v>
                </c:pt>
                <c:pt idx="1749">
                  <c:v>1749</c:v>
                </c:pt>
                <c:pt idx="1750">
                  <c:v>1750</c:v>
                </c:pt>
                <c:pt idx="1751">
                  <c:v>1751</c:v>
                </c:pt>
                <c:pt idx="1752">
                  <c:v>1752</c:v>
                </c:pt>
                <c:pt idx="1753">
                  <c:v>1753</c:v>
                </c:pt>
                <c:pt idx="1754">
                  <c:v>1754</c:v>
                </c:pt>
                <c:pt idx="1755">
                  <c:v>1755</c:v>
                </c:pt>
                <c:pt idx="1756">
                  <c:v>1756</c:v>
                </c:pt>
                <c:pt idx="1757">
                  <c:v>1757</c:v>
                </c:pt>
                <c:pt idx="1758">
                  <c:v>1758</c:v>
                </c:pt>
                <c:pt idx="1759">
                  <c:v>1759</c:v>
                </c:pt>
                <c:pt idx="1760">
                  <c:v>1760</c:v>
                </c:pt>
                <c:pt idx="1761">
                  <c:v>1761</c:v>
                </c:pt>
                <c:pt idx="1762">
                  <c:v>1762</c:v>
                </c:pt>
                <c:pt idx="1763">
                  <c:v>1763</c:v>
                </c:pt>
                <c:pt idx="1764">
                  <c:v>1764</c:v>
                </c:pt>
                <c:pt idx="1765">
                  <c:v>1765</c:v>
                </c:pt>
                <c:pt idx="1766">
                  <c:v>1766</c:v>
                </c:pt>
                <c:pt idx="1767">
                  <c:v>1767</c:v>
                </c:pt>
                <c:pt idx="1768">
                  <c:v>1768</c:v>
                </c:pt>
                <c:pt idx="1769">
                  <c:v>1769</c:v>
                </c:pt>
                <c:pt idx="1770">
                  <c:v>1770</c:v>
                </c:pt>
                <c:pt idx="1771">
                  <c:v>1771</c:v>
                </c:pt>
                <c:pt idx="1772">
                  <c:v>1772</c:v>
                </c:pt>
                <c:pt idx="1773">
                  <c:v>1773</c:v>
                </c:pt>
                <c:pt idx="1774">
                  <c:v>1774</c:v>
                </c:pt>
                <c:pt idx="1775">
                  <c:v>1775</c:v>
                </c:pt>
                <c:pt idx="1776">
                  <c:v>1776</c:v>
                </c:pt>
                <c:pt idx="1777">
                  <c:v>1777</c:v>
                </c:pt>
                <c:pt idx="1778">
                  <c:v>1778</c:v>
                </c:pt>
                <c:pt idx="1779">
                  <c:v>1779</c:v>
                </c:pt>
                <c:pt idx="1780">
                  <c:v>1780</c:v>
                </c:pt>
                <c:pt idx="1781">
                  <c:v>1781</c:v>
                </c:pt>
                <c:pt idx="1782">
                  <c:v>1782</c:v>
                </c:pt>
                <c:pt idx="1783">
                  <c:v>1783</c:v>
                </c:pt>
                <c:pt idx="1784">
                  <c:v>1784</c:v>
                </c:pt>
                <c:pt idx="1785">
                  <c:v>1785</c:v>
                </c:pt>
                <c:pt idx="1786">
                  <c:v>1786</c:v>
                </c:pt>
                <c:pt idx="1787">
                  <c:v>1787</c:v>
                </c:pt>
                <c:pt idx="1788">
                  <c:v>1788</c:v>
                </c:pt>
                <c:pt idx="1789">
                  <c:v>1789</c:v>
                </c:pt>
                <c:pt idx="1790">
                  <c:v>1790</c:v>
                </c:pt>
                <c:pt idx="1791">
                  <c:v>1791</c:v>
                </c:pt>
                <c:pt idx="1792">
                  <c:v>1792</c:v>
                </c:pt>
                <c:pt idx="1793">
                  <c:v>1793</c:v>
                </c:pt>
                <c:pt idx="1794">
                  <c:v>1794</c:v>
                </c:pt>
                <c:pt idx="1795">
                  <c:v>1795</c:v>
                </c:pt>
                <c:pt idx="1796">
                  <c:v>1796</c:v>
                </c:pt>
                <c:pt idx="1797">
                  <c:v>1797</c:v>
                </c:pt>
                <c:pt idx="1798">
                  <c:v>1798</c:v>
                </c:pt>
                <c:pt idx="1799">
                  <c:v>1799</c:v>
                </c:pt>
              </c:numCache>
            </c:numRef>
          </c:xVal>
          <c:yVal>
            <c:numRef>
              <c:f>'30Inside'!$F$2:$F$1801</c:f>
              <c:numCache>
                <c:formatCode>General</c:formatCode>
                <c:ptCount val="1800"/>
                <c:pt idx="0">
                  <c:v>21.245000000000001</c:v>
                </c:pt>
                <c:pt idx="1">
                  <c:v>21.001000000000001</c:v>
                </c:pt>
                <c:pt idx="2">
                  <c:v>21.757999999999999</c:v>
                </c:pt>
                <c:pt idx="3">
                  <c:v>22.856999999999999</c:v>
                </c:pt>
                <c:pt idx="4">
                  <c:v>22.856999999999999</c:v>
                </c:pt>
                <c:pt idx="5">
                  <c:v>22.832999999999998</c:v>
                </c:pt>
                <c:pt idx="6">
                  <c:v>22.856999999999999</c:v>
                </c:pt>
                <c:pt idx="7">
                  <c:v>22.637</c:v>
                </c:pt>
                <c:pt idx="8">
                  <c:v>22.856999999999999</c:v>
                </c:pt>
                <c:pt idx="9">
                  <c:v>22.856999999999999</c:v>
                </c:pt>
                <c:pt idx="10">
                  <c:v>22.882000000000001</c:v>
                </c:pt>
                <c:pt idx="11">
                  <c:v>22.661999999999999</c:v>
                </c:pt>
                <c:pt idx="12">
                  <c:v>22.905999999999999</c:v>
                </c:pt>
                <c:pt idx="13">
                  <c:v>22.661999999999999</c:v>
                </c:pt>
                <c:pt idx="14">
                  <c:v>22.882000000000001</c:v>
                </c:pt>
                <c:pt idx="15">
                  <c:v>22.856999999999999</c:v>
                </c:pt>
                <c:pt idx="16">
                  <c:v>22.856999999999999</c:v>
                </c:pt>
                <c:pt idx="17">
                  <c:v>22.661999999999999</c:v>
                </c:pt>
                <c:pt idx="18">
                  <c:v>22.856999999999999</c:v>
                </c:pt>
                <c:pt idx="19">
                  <c:v>22.613</c:v>
                </c:pt>
                <c:pt idx="20">
                  <c:v>22.856999999999999</c:v>
                </c:pt>
                <c:pt idx="21">
                  <c:v>22.856999999999999</c:v>
                </c:pt>
                <c:pt idx="22">
                  <c:v>22.832999999999998</c:v>
                </c:pt>
                <c:pt idx="23">
                  <c:v>22.637</c:v>
                </c:pt>
                <c:pt idx="24">
                  <c:v>22.856999999999999</c:v>
                </c:pt>
                <c:pt idx="25">
                  <c:v>22.637</c:v>
                </c:pt>
                <c:pt idx="26">
                  <c:v>22.905999999999999</c:v>
                </c:pt>
                <c:pt idx="27">
                  <c:v>22.637</c:v>
                </c:pt>
                <c:pt idx="28">
                  <c:v>22.905999999999999</c:v>
                </c:pt>
                <c:pt idx="29">
                  <c:v>22.661999999999999</c:v>
                </c:pt>
                <c:pt idx="30">
                  <c:v>22.832999999999998</c:v>
                </c:pt>
                <c:pt idx="31">
                  <c:v>22.856999999999999</c:v>
                </c:pt>
                <c:pt idx="32">
                  <c:v>22.882000000000001</c:v>
                </c:pt>
                <c:pt idx="33">
                  <c:v>22.613</c:v>
                </c:pt>
                <c:pt idx="34">
                  <c:v>22.882000000000001</c:v>
                </c:pt>
                <c:pt idx="35">
                  <c:v>22.637</c:v>
                </c:pt>
                <c:pt idx="36">
                  <c:v>22.882000000000001</c:v>
                </c:pt>
                <c:pt idx="37">
                  <c:v>22.856999999999999</c:v>
                </c:pt>
                <c:pt idx="38">
                  <c:v>22.905999999999999</c:v>
                </c:pt>
                <c:pt idx="39">
                  <c:v>22.856999999999999</c:v>
                </c:pt>
                <c:pt idx="40">
                  <c:v>22.882000000000001</c:v>
                </c:pt>
                <c:pt idx="41">
                  <c:v>22.637</c:v>
                </c:pt>
                <c:pt idx="42">
                  <c:v>22.882000000000001</c:v>
                </c:pt>
                <c:pt idx="43">
                  <c:v>22.661999999999999</c:v>
                </c:pt>
                <c:pt idx="44">
                  <c:v>22.882000000000001</c:v>
                </c:pt>
                <c:pt idx="45">
                  <c:v>22.661999999999999</c:v>
                </c:pt>
                <c:pt idx="46">
                  <c:v>22.882000000000001</c:v>
                </c:pt>
                <c:pt idx="47">
                  <c:v>22.808</c:v>
                </c:pt>
                <c:pt idx="48">
                  <c:v>22.856999999999999</c:v>
                </c:pt>
                <c:pt idx="49">
                  <c:v>22.613</c:v>
                </c:pt>
                <c:pt idx="50">
                  <c:v>22.882000000000001</c:v>
                </c:pt>
                <c:pt idx="51">
                  <c:v>22.856999999999999</c:v>
                </c:pt>
                <c:pt idx="52">
                  <c:v>22.882000000000001</c:v>
                </c:pt>
                <c:pt idx="53">
                  <c:v>22.856999999999999</c:v>
                </c:pt>
                <c:pt idx="54">
                  <c:v>22.856999999999999</c:v>
                </c:pt>
                <c:pt idx="55">
                  <c:v>22.832999999999998</c:v>
                </c:pt>
                <c:pt idx="56">
                  <c:v>22.882000000000001</c:v>
                </c:pt>
                <c:pt idx="57">
                  <c:v>22.856999999999999</c:v>
                </c:pt>
                <c:pt idx="58">
                  <c:v>22.856999999999999</c:v>
                </c:pt>
                <c:pt idx="59">
                  <c:v>22.856999999999999</c:v>
                </c:pt>
                <c:pt idx="60">
                  <c:v>22.905999999999999</c:v>
                </c:pt>
                <c:pt idx="61">
                  <c:v>22.637</c:v>
                </c:pt>
                <c:pt idx="62">
                  <c:v>22.882000000000001</c:v>
                </c:pt>
                <c:pt idx="63">
                  <c:v>22.856999999999999</c:v>
                </c:pt>
                <c:pt idx="64">
                  <c:v>22.882000000000001</c:v>
                </c:pt>
                <c:pt idx="65">
                  <c:v>22.856999999999999</c:v>
                </c:pt>
                <c:pt idx="66">
                  <c:v>22.856999999999999</c:v>
                </c:pt>
                <c:pt idx="67">
                  <c:v>22.832999999999998</c:v>
                </c:pt>
                <c:pt idx="68">
                  <c:v>22.882000000000001</c:v>
                </c:pt>
                <c:pt idx="69">
                  <c:v>22.856999999999999</c:v>
                </c:pt>
                <c:pt idx="70">
                  <c:v>22.905999999999999</c:v>
                </c:pt>
                <c:pt idx="71">
                  <c:v>22.856999999999999</c:v>
                </c:pt>
                <c:pt idx="72">
                  <c:v>22.882000000000001</c:v>
                </c:pt>
                <c:pt idx="73">
                  <c:v>22.856999999999999</c:v>
                </c:pt>
                <c:pt idx="74">
                  <c:v>22.905999999999999</c:v>
                </c:pt>
                <c:pt idx="75">
                  <c:v>22.856999999999999</c:v>
                </c:pt>
                <c:pt idx="76">
                  <c:v>22.905999999999999</c:v>
                </c:pt>
                <c:pt idx="77">
                  <c:v>22.832999999999998</c:v>
                </c:pt>
                <c:pt idx="78">
                  <c:v>22.905999999999999</c:v>
                </c:pt>
                <c:pt idx="79">
                  <c:v>22.832999999999998</c:v>
                </c:pt>
                <c:pt idx="80">
                  <c:v>22.905999999999999</c:v>
                </c:pt>
                <c:pt idx="81">
                  <c:v>22.832999999999998</c:v>
                </c:pt>
                <c:pt idx="82">
                  <c:v>22.905999999999999</c:v>
                </c:pt>
                <c:pt idx="83">
                  <c:v>22.832999999999998</c:v>
                </c:pt>
                <c:pt idx="84">
                  <c:v>22.93</c:v>
                </c:pt>
                <c:pt idx="85">
                  <c:v>22.856999999999999</c:v>
                </c:pt>
                <c:pt idx="86">
                  <c:v>22.954999999999998</c:v>
                </c:pt>
                <c:pt idx="87">
                  <c:v>22.856999999999999</c:v>
                </c:pt>
                <c:pt idx="88">
                  <c:v>22.954999999999998</c:v>
                </c:pt>
                <c:pt idx="89">
                  <c:v>22.661999999999999</c:v>
                </c:pt>
                <c:pt idx="90">
                  <c:v>22.905999999999999</c:v>
                </c:pt>
                <c:pt idx="91">
                  <c:v>22.856999999999999</c:v>
                </c:pt>
                <c:pt idx="92">
                  <c:v>22.93</c:v>
                </c:pt>
                <c:pt idx="93">
                  <c:v>22.882000000000001</c:v>
                </c:pt>
                <c:pt idx="94">
                  <c:v>22.905999999999999</c:v>
                </c:pt>
                <c:pt idx="95">
                  <c:v>22.856999999999999</c:v>
                </c:pt>
                <c:pt idx="96">
                  <c:v>22.882000000000001</c:v>
                </c:pt>
                <c:pt idx="97">
                  <c:v>22.661999999999999</c:v>
                </c:pt>
                <c:pt idx="98">
                  <c:v>22.882000000000001</c:v>
                </c:pt>
                <c:pt idx="99">
                  <c:v>22.856999999999999</c:v>
                </c:pt>
                <c:pt idx="100">
                  <c:v>22.905999999999999</c:v>
                </c:pt>
                <c:pt idx="101">
                  <c:v>22.882000000000001</c:v>
                </c:pt>
                <c:pt idx="102">
                  <c:v>22.905999999999999</c:v>
                </c:pt>
                <c:pt idx="103">
                  <c:v>22.856999999999999</c:v>
                </c:pt>
                <c:pt idx="104">
                  <c:v>22.93</c:v>
                </c:pt>
                <c:pt idx="105">
                  <c:v>22.882000000000001</c:v>
                </c:pt>
                <c:pt idx="106">
                  <c:v>22.93</c:v>
                </c:pt>
                <c:pt idx="107">
                  <c:v>22.832999999999998</c:v>
                </c:pt>
                <c:pt idx="108">
                  <c:v>22.905999999999999</c:v>
                </c:pt>
                <c:pt idx="109">
                  <c:v>22.832999999999998</c:v>
                </c:pt>
                <c:pt idx="110">
                  <c:v>22.905999999999999</c:v>
                </c:pt>
                <c:pt idx="111">
                  <c:v>22.856999999999999</c:v>
                </c:pt>
                <c:pt idx="112">
                  <c:v>22.905999999999999</c:v>
                </c:pt>
                <c:pt idx="113">
                  <c:v>22.882000000000001</c:v>
                </c:pt>
                <c:pt idx="114">
                  <c:v>22.93</c:v>
                </c:pt>
                <c:pt idx="115">
                  <c:v>22.882000000000001</c:v>
                </c:pt>
                <c:pt idx="116">
                  <c:v>22.93</c:v>
                </c:pt>
                <c:pt idx="117">
                  <c:v>22.882000000000001</c:v>
                </c:pt>
                <c:pt idx="118">
                  <c:v>22.93</c:v>
                </c:pt>
                <c:pt idx="119">
                  <c:v>22.856999999999999</c:v>
                </c:pt>
                <c:pt idx="120">
                  <c:v>22.954999999999998</c:v>
                </c:pt>
                <c:pt idx="121">
                  <c:v>22.832999999999998</c:v>
                </c:pt>
                <c:pt idx="122">
                  <c:v>22.905999999999999</c:v>
                </c:pt>
                <c:pt idx="123">
                  <c:v>22.856999999999999</c:v>
                </c:pt>
                <c:pt idx="124">
                  <c:v>22.93</c:v>
                </c:pt>
                <c:pt idx="125">
                  <c:v>22.882000000000001</c:v>
                </c:pt>
                <c:pt idx="126">
                  <c:v>22.905999999999999</c:v>
                </c:pt>
                <c:pt idx="127">
                  <c:v>22.905999999999999</c:v>
                </c:pt>
                <c:pt idx="128">
                  <c:v>22.93</c:v>
                </c:pt>
                <c:pt idx="129">
                  <c:v>22.856999999999999</c:v>
                </c:pt>
                <c:pt idx="130">
                  <c:v>22.93</c:v>
                </c:pt>
                <c:pt idx="131">
                  <c:v>22.882000000000001</c:v>
                </c:pt>
                <c:pt idx="132">
                  <c:v>22.93</c:v>
                </c:pt>
                <c:pt idx="133">
                  <c:v>22.832999999999998</c:v>
                </c:pt>
                <c:pt idx="134">
                  <c:v>22.905999999999999</c:v>
                </c:pt>
                <c:pt idx="135">
                  <c:v>22.661999999999999</c:v>
                </c:pt>
                <c:pt idx="136">
                  <c:v>22.882000000000001</c:v>
                </c:pt>
                <c:pt idx="137">
                  <c:v>22.856999999999999</c:v>
                </c:pt>
                <c:pt idx="138">
                  <c:v>22.905999999999999</c:v>
                </c:pt>
                <c:pt idx="139">
                  <c:v>22.856999999999999</c:v>
                </c:pt>
                <c:pt idx="140">
                  <c:v>22.905999999999999</c:v>
                </c:pt>
                <c:pt idx="141">
                  <c:v>22.882000000000001</c:v>
                </c:pt>
                <c:pt idx="142">
                  <c:v>22.954999999999998</c:v>
                </c:pt>
                <c:pt idx="143">
                  <c:v>22.856999999999999</c:v>
                </c:pt>
                <c:pt idx="144">
                  <c:v>22.93</c:v>
                </c:pt>
                <c:pt idx="145">
                  <c:v>22.882000000000001</c:v>
                </c:pt>
                <c:pt idx="146">
                  <c:v>22.93</c:v>
                </c:pt>
                <c:pt idx="147">
                  <c:v>22.661999999999999</c:v>
                </c:pt>
                <c:pt idx="148">
                  <c:v>22.93</c:v>
                </c:pt>
                <c:pt idx="149">
                  <c:v>22.905999999999999</c:v>
                </c:pt>
                <c:pt idx="150">
                  <c:v>22.93</c:v>
                </c:pt>
                <c:pt idx="151">
                  <c:v>22.661999999999999</c:v>
                </c:pt>
                <c:pt idx="152">
                  <c:v>22.954999999999998</c:v>
                </c:pt>
                <c:pt idx="153">
                  <c:v>22.856999999999999</c:v>
                </c:pt>
                <c:pt idx="154">
                  <c:v>22.978999999999999</c:v>
                </c:pt>
                <c:pt idx="155">
                  <c:v>22.882000000000001</c:v>
                </c:pt>
                <c:pt idx="156">
                  <c:v>22.93</c:v>
                </c:pt>
                <c:pt idx="157">
                  <c:v>22.882000000000001</c:v>
                </c:pt>
                <c:pt idx="158">
                  <c:v>22.905999999999999</c:v>
                </c:pt>
                <c:pt idx="159">
                  <c:v>22.905999999999999</c:v>
                </c:pt>
                <c:pt idx="160">
                  <c:v>22.93</c:v>
                </c:pt>
                <c:pt idx="161">
                  <c:v>22.856999999999999</c:v>
                </c:pt>
                <c:pt idx="162">
                  <c:v>22.882000000000001</c:v>
                </c:pt>
                <c:pt idx="163">
                  <c:v>22.882000000000001</c:v>
                </c:pt>
                <c:pt idx="164">
                  <c:v>22.954999999999998</c:v>
                </c:pt>
                <c:pt idx="165">
                  <c:v>22.856999999999999</c:v>
                </c:pt>
                <c:pt idx="166">
                  <c:v>22.954999999999998</c:v>
                </c:pt>
                <c:pt idx="167">
                  <c:v>22.882000000000001</c:v>
                </c:pt>
                <c:pt idx="168">
                  <c:v>22.954999999999998</c:v>
                </c:pt>
                <c:pt idx="169">
                  <c:v>22.882000000000001</c:v>
                </c:pt>
                <c:pt idx="170">
                  <c:v>22.93</c:v>
                </c:pt>
                <c:pt idx="171">
                  <c:v>22.882000000000001</c:v>
                </c:pt>
                <c:pt idx="172">
                  <c:v>22.93</c:v>
                </c:pt>
                <c:pt idx="173">
                  <c:v>22.856999999999999</c:v>
                </c:pt>
                <c:pt idx="174">
                  <c:v>22.954999999999998</c:v>
                </c:pt>
                <c:pt idx="175">
                  <c:v>22.856999999999999</c:v>
                </c:pt>
                <c:pt idx="176">
                  <c:v>22.954999999999998</c:v>
                </c:pt>
                <c:pt idx="177">
                  <c:v>22.905999999999999</c:v>
                </c:pt>
                <c:pt idx="178">
                  <c:v>22.905999999999999</c:v>
                </c:pt>
                <c:pt idx="179">
                  <c:v>22.905999999999999</c:v>
                </c:pt>
                <c:pt idx="180">
                  <c:v>22.905999999999999</c:v>
                </c:pt>
                <c:pt idx="181">
                  <c:v>22.856999999999999</c:v>
                </c:pt>
                <c:pt idx="182">
                  <c:v>22.905999999999999</c:v>
                </c:pt>
                <c:pt idx="183">
                  <c:v>22.905999999999999</c:v>
                </c:pt>
                <c:pt idx="184">
                  <c:v>22.954999999999998</c:v>
                </c:pt>
                <c:pt idx="185">
                  <c:v>22.856999999999999</c:v>
                </c:pt>
                <c:pt idx="186">
                  <c:v>22.93</c:v>
                </c:pt>
                <c:pt idx="187">
                  <c:v>22.882000000000001</c:v>
                </c:pt>
                <c:pt idx="188">
                  <c:v>22.93</c:v>
                </c:pt>
                <c:pt idx="189">
                  <c:v>22.856999999999999</c:v>
                </c:pt>
                <c:pt idx="190">
                  <c:v>23.004000000000001</c:v>
                </c:pt>
                <c:pt idx="191">
                  <c:v>22.93</c:v>
                </c:pt>
                <c:pt idx="192">
                  <c:v>22.954999999999998</c:v>
                </c:pt>
                <c:pt idx="193">
                  <c:v>22.882000000000001</c:v>
                </c:pt>
                <c:pt idx="194">
                  <c:v>22.954999999999998</c:v>
                </c:pt>
                <c:pt idx="195">
                  <c:v>22.882000000000001</c:v>
                </c:pt>
                <c:pt idx="196">
                  <c:v>22.978999999999999</c:v>
                </c:pt>
                <c:pt idx="197">
                  <c:v>22.905999999999999</c:v>
                </c:pt>
                <c:pt idx="198">
                  <c:v>22.954999999999998</c:v>
                </c:pt>
                <c:pt idx="199">
                  <c:v>22.905999999999999</c:v>
                </c:pt>
                <c:pt idx="200">
                  <c:v>22.978999999999999</c:v>
                </c:pt>
                <c:pt idx="201">
                  <c:v>22.905999999999999</c:v>
                </c:pt>
                <c:pt idx="202">
                  <c:v>22.978999999999999</c:v>
                </c:pt>
                <c:pt idx="203">
                  <c:v>22.905999999999999</c:v>
                </c:pt>
                <c:pt idx="204">
                  <c:v>22.905999999999999</c:v>
                </c:pt>
                <c:pt idx="205">
                  <c:v>22.856999999999999</c:v>
                </c:pt>
                <c:pt idx="206">
                  <c:v>22.954999999999998</c:v>
                </c:pt>
                <c:pt idx="207">
                  <c:v>22.856999999999999</c:v>
                </c:pt>
                <c:pt idx="208">
                  <c:v>22.978999999999999</c:v>
                </c:pt>
                <c:pt idx="209">
                  <c:v>22.882000000000001</c:v>
                </c:pt>
                <c:pt idx="210">
                  <c:v>22.978999999999999</c:v>
                </c:pt>
                <c:pt idx="211">
                  <c:v>22.882000000000001</c:v>
                </c:pt>
                <c:pt idx="212">
                  <c:v>22.954999999999998</c:v>
                </c:pt>
                <c:pt idx="213">
                  <c:v>22.882000000000001</c:v>
                </c:pt>
                <c:pt idx="214">
                  <c:v>22.93</c:v>
                </c:pt>
                <c:pt idx="215">
                  <c:v>22.882000000000001</c:v>
                </c:pt>
                <c:pt idx="216">
                  <c:v>22.93</c:v>
                </c:pt>
                <c:pt idx="217">
                  <c:v>22.905999999999999</c:v>
                </c:pt>
                <c:pt idx="218">
                  <c:v>22.93</c:v>
                </c:pt>
                <c:pt idx="219">
                  <c:v>22.905999999999999</c:v>
                </c:pt>
                <c:pt idx="220">
                  <c:v>22.978999999999999</c:v>
                </c:pt>
                <c:pt idx="221">
                  <c:v>22.93</c:v>
                </c:pt>
                <c:pt idx="222">
                  <c:v>23.004000000000001</c:v>
                </c:pt>
                <c:pt idx="223">
                  <c:v>22.905999999999999</c:v>
                </c:pt>
                <c:pt idx="224">
                  <c:v>22.905999999999999</c:v>
                </c:pt>
                <c:pt idx="225">
                  <c:v>22.882000000000001</c:v>
                </c:pt>
                <c:pt idx="226">
                  <c:v>22.954999999999998</c:v>
                </c:pt>
                <c:pt idx="227">
                  <c:v>22.93</c:v>
                </c:pt>
                <c:pt idx="228">
                  <c:v>22.978999999999999</c:v>
                </c:pt>
                <c:pt idx="229">
                  <c:v>22.905999999999999</c:v>
                </c:pt>
                <c:pt idx="230">
                  <c:v>22.954999999999998</c:v>
                </c:pt>
                <c:pt idx="231">
                  <c:v>22.93</c:v>
                </c:pt>
                <c:pt idx="232">
                  <c:v>22.93</c:v>
                </c:pt>
                <c:pt idx="233">
                  <c:v>22.882000000000001</c:v>
                </c:pt>
                <c:pt idx="234">
                  <c:v>22.978999999999999</c:v>
                </c:pt>
                <c:pt idx="235">
                  <c:v>22.93</c:v>
                </c:pt>
                <c:pt idx="236">
                  <c:v>22.954999999999998</c:v>
                </c:pt>
                <c:pt idx="237">
                  <c:v>22.93</c:v>
                </c:pt>
                <c:pt idx="238">
                  <c:v>22.954999999999998</c:v>
                </c:pt>
                <c:pt idx="239">
                  <c:v>22.905999999999999</c:v>
                </c:pt>
                <c:pt idx="240">
                  <c:v>22.93</c:v>
                </c:pt>
                <c:pt idx="241">
                  <c:v>22.882000000000001</c:v>
                </c:pt>
                <c:pt idx="242">
                  <c:v>22.954999999999998</c:v>
                </c:pt>
                <c:pt idx="243">
                  <c:v>22.954999999999998</c:v>
                </c:pt>
                <c:pt idx="244">
                  <c:v>22.978999999999999</c:v>
                </c:pt>
                <c:pt idx="245">
                  <c:v>22.905999999999999</c:v>
                </c:pt>
                <c:pt idx="246">
                  <c:v>22.978999999999999</c:v>
                </c:pt>
                <c:pt idx="247">
                  <c:v>22.93</c:v>
                </c:pt>
                <c:pt idx="248">
                  <c:v>22.954999999999998</c:v>
                </c:pt>
                <c:pt idx="249">
                  <c:v>22.905999999999999</c:v>
                </c:pt>
                <c:pt idx="250">
                  <c:v>22.954999999999998</c:v>
                </c:pt>
                <c:pt idx="251">
                  <c:v>22.882000000000001</c:v>
                </c:pt>
                <c:pt idx="252">
                  <c:v>22.954999999999998</c:v>
                </c:pt>
                <c:pt idx="253">
                  <c:v>22.856999999999999</c:v>
                </c:pt>
                <c:pt idx="254">
                  <c:v>22.954999999999998</c:v>
                </c:pt>
                <c:pt idx="255">
                  <c:v>22.882000000000001</c:v>
                </c:pt>
                <c:pt idx="256">
                  <c:v>22.93</c:v>
                </c:pt>
                <c:pt idx="257">
                  <c:v>22.93</c:v>
                </c:pt>
                <c:pt idx="258">
                  <c:v>22.978999999999999</c:v>
                </c:pt>
                <c:pt idx="259">
                  <c:v>22.882000000000001</c:v>
                </c:pt>
                <c:pt idx="260">
                  <c:v>22.978999999999999</c:v>
                </c:pt>
                <c:pt idx="261">
                  <c:v>22.905999999999999</c:v>
                </c:pt>
                <c:pt idx="262">
                  <c:v>22.978999999999999</c:v>
                </c:pt>
                <c:pt idx="263">
                  <c:v>22.882000000000001</c:v>
                </c:pt>
                <c:pt idx="264">
                  <c:v>23.027999999999999</c:v>
                </c:pt>
                <c:pt idx="265">
                  <c:v>22.905999999999999</c:v>
                </c:pt>
                <c:pt idx="266">
                  <c:v>22.93</c:v>
                </c:pt>
                <c:pt idx="267">
                  <c:v>22.93</c:v>
                </c:pt>
                <c:pt idx="268">
                  <c:v>22.882000000000001</c:v>
                </c:pt>
                <c:pt idx="269">
                  <c:v>22.882000000000001</c:v>
                </c:pt>
                <c:pt idx="270">
                  <c:v>22.978999999999999</c:v>
                </c:pt>
                <c:pt idx="271">
                  <c:v>22.905999999999999</c:v>
                </c:pt>
                <c:pt idx="272">
                  <c:v>22.954999999999998</c:v>
                </c:pt>
                <c:pt idx="273">
                  <c:v>22.905999999999999</c:v>
                </c:pt>
                <c:pt idx="274">
                  <c:v>22.954999999999998</c:v>
                </c:pt>
                <c:pt idx="275">
                  <c:v>22.905999999999999</c:v>
                </c:pt>
                <c:pt idx="276">
                  <c:v>23.004000000000001</c:v>
                </c:pt>
                <c:pt idx="277">
                  <c:v>22.905999999999999</c:v>
                </c:pt>
                <c:pt idx="278">
                  <c:v>22.978999999999999</c:v>
                </c:pt>
                <c:pt idx="279">
                  <c:v>22.905999999999999</c:v>
                </c:pt>
                <c:pt idx="280">
                  <c:v>22.978999999999999</c:v>
                </c:pt>
                <c:pt idx="281">
                  <c:v>22.905999999999999</c:v>
                </c:pt>
                <c:pt idx="282">
                  <c:v>22.954999999999998</c:v>
                </c:pt>
                <c:pt idx="283">
                  <c:v>22.882000000000001</c:v>
                </c:pt>
                <c:pt idx="284">
                  <c:v>22.978999999999999</c:v>
                </c:pt>
                <c:pt idx="285">
                  <c:v>22.882000000000001</c:v>
                </c:pt>
                <c:pt idx="286">
                  <c:v>22.954999999999998</c:v>
                </c:pt>
                <c:pt idx="287">
                  <c:v>22.905999999999999</c:v>
                </c:pt>
                <c:pt idx="288">
                  <c:v>22.954999999999998</c:v>
                </c:pt>
                <c:pt idx="289">
                  <c:v>22.882000000000001</c:v>
                </c:pt>
                <c:pt idx="290">
                  <c:v>22.978999999999999</c:v>
                </c:pt>
                <c:pt idx="291">
                  <c:v>22.882000000000001</c:v>
                </c:pt>
                <c:pt idx="292">
                  <c:v>23.004000000000001</c:v>
                </c:pt>
                <c:pt idx="293">
                  <c:v>22.905999999999999</c:v>
                </c:pt>
                <c:pt idx="294">
                  <c:v>22.954999999999998</c:v>
                </c:pt>
                <c:pt idx="295">
                  <c:v>22.93</c:v>
                </c:pt>
                <c:pt idx="296">
                  <c:v>23.004000000000001</c:v>
                </c:pt>
                <c:pt idx="297">
                  <c:v>22.905999999999999</c:v>
                </c:pt>
                <c:pt idx="298">
                  <c:v>22.978999999999999</c:v>
                </c:pt>
                <c:pt idx="299">
                  <c:v>22.93</c:v>
                </c:pt>
                <c:pt idx="300">
                  <c:v>22.93</c:v>
                </c:pt>
                <c:pt idx="301">
                  <c:v>22.93</c:v>
                </c:pt>
                <c:pt idx="302">
                  <c:v>22.93</c:v>
                </c:pt>
                <c:pt idx="303">
                  <c:v>22.954999999999998</c:v>
                </c:pt>
                <c:pt idx="304">
                  <c:v>22.93</c:v>
                </c:pt>
                <c:pt idx="305">
                  <c:v>22.954999999999998</c:v>
                </c:pt>
                <c:pt idx="306">
                  <c:v>22.954999999999998</c:v>
                </c:pt>
                <c:pt idx="307">
                  <c:v>22.905999999999999</c:v>
                </c:pt>
                <c:pt idx="308">
                  <c:v>22.978999999999999</c:v>
                </c:pt>
                <c:pt idx="309">
                  <c:v>22.905999999999999</c:v>
                </c:pt>
                <c:pt idx="310">
                  <c:v>23.004000000000001</c:v>
                </c:pt>
                <c:pt idx="311">
                  <c:v>22.905999999999999</c:v>
                </c:pt>
                <c:pt idx="312">
                  <c:v>23.004000000000001</c:v>
                </c:pt>
                <c:pt idx="313">
                  <c:v>22.93</c:v>
                </c:pt>
                <c:pt idx="314">
                  <c:v>22.978999999999999</c:v>
                </c:pt>
                <c:pt idx="315">
                  <c:v>22.905999999999999</c:v>
                </c:pt>
                <c:pt idx="316">
                  <c:v>23.004000000000001</c:v>
                </c:pt>
                <c:pt idx="317">
                  <c:v>22.882000000000001</c:v>
                </c:pt>
                <c:pt idx="318">
                  <c:v>22.954999999999998</c:v>
                </c:pt>
                <c:pt idx="319">
                  <c:v>22.93</c:v>
                </c:pt>
                <c:pt idx="320">
                  <c:v>22.978999999999999</c:v>
                </c:pt>
                <c:pt idx="321">
                  <c:v>22.905999999999999</c:v>
                </c:pt>
                <c:pt idx="322">
                  <c:v>22.978999999999999</c:v>
                </c:pt>
                <c:pt idx="323">
                  <c:v>22.905999999999999</c:v>
                </c:pt>
                <c:pt idx="324">
                  <c:v>22.978999999999999</c:v>
                </c:pt>
                <c:pt idx="325">
                  <c:v>22.954999999999998</c:v>
                </c:pt>
                <c:pt idx="326">
                  <c:v>22.954999999999998</c:v>
                </c:pt>
                <c:pt idx="327">
                  <c:v>22.954999999999998</c:v>
                </c:pt>
                <c:pt idx="328">
                  <c:v>22.978999999999999</c:v>
                </c:pt>
                <c:pt idx="329">
                  <c:v>22.905999999999999</c:v>
                </c:pt>
                <c:pt idx="330">
                  <c:v>22.978999999999999</c:v>
                </c:pt>
                <c:pt idx="331">
                  <c:v>22.954999999999998</c:v>
                </c:pt>
                <c:pt idx="332">
                  <c:v>22.954999999999998</c:v>
                </c:pt>
                <c:pt idx="333">
                  <c:v>22.954999999999998</c:v>
                </c:pt>
                <c:pt idx="334">
                  <c:v>22.93</c:v>
                </c:pt>
                <c:pt idx="335">
                  <c:v>22.93</c:v>
                </c:pt>
                <c:pt idx="336">
                  <c:v>23.004000000000001</c:v>
                </c:pt>
                <c:pt idx="337">
                  <c:v>22.93</c:v>
                </c:pt>
                <c:pt idx="338">
                  <c:v>22.978999999999999</c:v>
                </c:pt>
                <c:pt idx="339">
                  <c:v>22.93</c:v>
                </c:pt>
                <c:pt idx="340">
                  <c:v>22.978999999999999</c:v>
                </c:pt>
                <c:pt idx="341">
                  <c:v>22.954999999999998</c:v>
                </c:pt>
                <c:pt idx="342">
                  <c:v>22.978999999999999</c:v>
                </c:pt>
                <c:pt idx="343">
                  <c:v>22.905999999999999</c:v>
                </c:pt>
                <c:pt idx="344">
                  <c:v>22.978999999999999</c:v>
                </c:pt>
                <c:pt idx="345">
                  <c:v>22.954999999999998</c:v>
                </c:pt>
                <c:pt idx="346">
                  <c:v>22.954999999999998</c:v>
                </c:pt>
                <c:pt idx="347">
                  <c:v>22.93</c:v>
                </c:pt>
                <c:pt idx="348">
                  <c:v>22.978999999999999</c:v>
                </c:pt>
                <c:pt idx="349">
                  <c:v>22.93</c:v>
                </c:pt>
                <c:pt idx="350">
                  <c:v>22.978999999999999</c:v>
                </c:pt>
                <c:pt idx="351">
                  <c:v>22.905999999999999</c:v>
                </c:pt>
                <c:pt idx="352">
                  <c:v>22.954999999999998</c:v>
                </c:pt>
                <c:pt idx="353">
                  <c:v>22.93</c:v>
                </c:pt>
                <c:pt idx="354">
                  <c:v>23.004000000000001</c:v>
                </c:pt>
                <c:pt idx="355">
                  <c:v>22.93</c:v>
                </c:pt>
                <c:pt idx="356">
                  <c:v>22.954999999999998</c:v>
                </c:pt>
                <c:pt idx="357">
                  <c:v>22.93</c:v>
                </c:pt>
                <c:pt idx="358">
                  <c:v>23.027999999999999</c:v>
                </c:pt>
                <c:pt idx="359">
                  <c:v>22.905999999999999</c:v>
                </c:pt>
                <c:pt idx="360">
                  <c:v>22.954999999999998</c:v>
                </c:pt>
                <c:pt idx="361">
                  <c:v>22.954999999999998</c:v>
                </c:pt>
                <c:pt idx="362">
                  <c:v>23.004000000000001</c:v>
                </c:pt>
                <c:pt idx="363">
                  <c:v>22.93</c:v>
                </c:pt>
                <c:pt idx="364">
                  <c:v>23.004000000000001</c:v>
                </c:pt>
                <c:pt idx="365">
                  <c:v>22.978999999999999</c:v>
                </c:pt>
                <c:pt idx="366">
                  <c:v>23.004000000000001</c:v>
                </c:pt>
                <c:pt idx="367">
                  <c:v>22.93</c:v>
                </c:pt>
                <c:pt idx="368">
                  <c:v>23.004000000000001</c:v>
                </c:pt>
                <c:pt idx="369">
                  <c:v>22.93</c:v>
                </c:pt>
                <c:pt idx="370">
                  <c:v>22.954999999999998</c:v>
                </c:pt>
                <c:pt idx="371">
                  <c:v>22.93</c:v>
                </c:pt>
                <c:pt idx="372">
                  <c:v>22.978999999999999</c:v>
                </c:pt>
                <c:pt idx="373">
                  <c:v>22.954999999999998</c:v>
                </c:pt>
                <c:pt idx="374">
                  <c:v>22.978999999999999</c:v>
                </c:pt>
                <c:pt idx="375">
                  <c:v>22.905999999999999</c:v>
                </c:pt>
                <c:pt idx="376">
                  <c:v>22.978999999999999</c:v>
                </c:pt>
                <c:pt idx="377">
                  <c:v>22.93</c:v>
                </c:pt>
                <c:pt idx="378">
                  <c:v>22.978999999999999</c:v>
                </c:pt>
                <c:pt idx="379">
                  <c:v>22.882000000000001</c:v>
                </c:pt>
                <c:pt idx="380">
                  <c:v>22.978999999999999</c:v>
                </c:pt>
                <c:pt idx="381">
                  <c:v>22.954999999999998</c:v>
                </c:pt>
                <c:pt idx="382">
                  <c:v>22.954999999999998</c:v>
                </c:pt>
                <c:pt idx="383">
                  <c:v>22.905999999999999</c:v>
                </c:pt>
                <c:pt idx="384">
                  <c:v>22.978999999999999</c:v>
                </c:pt>
                <c:pt idx="385">
                  <c:v>22.905999999999999</c:v>
                </c:pt>
                <c:pt idx="386">
                  <c:v>22.954999999999998</c:v>
                </c:pt>
                <c:pt idx="387">
                  <c:v>22.905999999999999</c:v>
                </c:pt>
                <c:pt idx="388">
                  <c:v>23.004000000000001</c:v>
                </c:pt>
                <c:pt idx="389">
                  <c:v>22.954999999999998</c:v>
                </c:pt>
                <c:pt idx="390">
                  <c:v>22.978999999999999</c:v>
                </c:pt>
                <c:pt idx="391">
                  <c:v>22.93</c:v>
                </c:pt>
                <c:pt idx="392">
                  <c:v>23.004000000000001</c:v>
                </c:pt>
                <c:pt idx="393">
                  <c:v>22.905999999999999</c:v>
                </c:pt>
                <c:pt idx="394">
                  <c:v>22.978999999999999</c:v>
                </c:pt>
                <c:pt idx="395">
                  <c:v>22.93</c:v>
                </c:pt>
                <c:pt idx="396">
                  <c:v>22.954999999999998</c:v>
                </c:pt>
                <c:pt idx="397">
                  <c:v>22.954999999999998</c:v>
                </c:pt>
                <c:pt idx="398">
                  <c:v>23.004000000000001</c:v>
                </c:pt>
                <c:pt idx="399">
                  <c:v>22.93</c:v>
                </c:pt>
                <c:pt idx="400">
                  <c:v>23.004000000000001</c:v>
                </c:pt>
                <c:pt idx="401">
                  <c:v>22.954999999999998</c:v>
                </c:pt>
                <c:pt idx="402">
                  <c:v>22.978999999999999</c:v>
                </c:pt>
                <c:pt idx="403">
                  <c:v>22.905999999999999</c:v>
                </c:pt>
                <c:pt idx="404">
                  <c:v>23.004000000000001</c:v>
                </c:pt>
                <c:pt idx="405">
                  <c:v>22.93</c:v>
                </c:pt>
                <c:pt idx="406">
                  <c:v>23.004000000000001</c:v>
                </c:pt>
                <c:pt idx="407">
                  <c:v>22.93</c:v>
                </c:pt>
                <c:pt idx="408">
                  <c:v>22.978999999999999</c:v>
                </c:pt>
                <c:pt idx="409">
                  <c:v>22.954999999999998</c:v>
                </c:pt>
                <c:pt idx="410">
                  <c:v>22.978999999999999</c:v>
                </c:pt>
                <c:pt idx="411">
                  <c:v>22.954999999999998</c:v>
                </c:pt>
                <c:pt idx="412">
                  <c:v>23.027999999999999</c:v>
                </c:pt>
                <c:pt idx="413">
                  <c:v>22.93</c:v>
                </c:pt>
                <c:pt idx="414">
                  <c:v>22.978999999999999</c:v>
                </c:pt>
                <c:pt idx="415">
                  <c:v>22.93</c:v>
                </c:pt>
                <c:pt idx="416">
                  <c:v>22.978999999999999</c:v>
                </c:pt>
                <c:pt idx="417">
                  <c:v>22.978999999999999</c:v>
                </c:pt>
                <c:pt idx="418">
                  <c:v>23.004000000000001</c:v>
                </c:pt>
                <c:pt idx="419">
                  <c:v>22.954999999999998</c:v>
                </c:pt>
                <c:pt idx="420">
                  <c:v>23.004000000000001</c:v>
                </c:pt>
                <c:pt idx="421">
                  <c:v>22.905999999999999</c:v>
                </c:pt>
                <c:pt idx="422">
                  <c:v>23.027999999999999</c:v>
                </c:pt>
                <c:pt idx="423">
                  <c:v>22.93</c:v>
                </c:pt>
                <c:pt idx="424">
                  <c:v>23.004000000000001</c:v>
                </c:pt>
                <c:pt idx="425">
                  <c:v>22.954999999999998</c:v>
                </c:pt>
                <c:pt idx="426">
                  <c:v>23.027999999999999</c:v>
                </c:pt>
                <c:pt idx="427">
                  <c:v>22.93</c:v>
                </c:pt>
                <c:pt idx="428">
                  <c:v>22.978999999999999</c:v>
                </c:pt>
                <c:pt idx="429">
                  <c:v>22.905999999999999</c:v>
                </c:pt>
                <c:pt idx="430">
                  <c:v>23.004000000000001</c:v>
                </c:pt>
                <c:pt idx="431">
                  <c:v>22.93</c:v>
                </c:pt>
                <c:pt idx="432">
                  <c:v>22.978999999999999</c:v>
                </c:pt>
                <c:pt idx="433">
                  <c:v>22.93</c:v>
                </c:pt>
                <c:pt idx="434">
                  <c:v>23.027999999999999</c:v>
                </c:pt>
                <c:pt idx="435">
                  <c:v>22.954999999999998</c:v>
                </c:pt>
                <c:pt idx="436">
                  <c:v>23.004000000000001</c:v>
                </c:pt>
                <c:pt idx="437">
                  <c:v>22.93</c:v>
                </c:pt>
                <c:pt idx="438">
                  <c:v>22.954999999999998</c:v>
                </c:pt>
                <c:pt idx="439">
                  <c:v>22.954999999999998</c:v>
                </c:pt>
                <c:pt idx="440">
                  <c:v>22.978999999999999</c:v>
                </c:pt>
                <c:pt idx="441">
                  <c:v>22.954999999999998</c:v>
                </c:pt>
                <c:pt idx="442">
                  <c:v>22.978999999999999</c:v>
                </c:pt>
                <c:pt idx="443">
                  <c:v>22.93</c:v>
                </c:pt>
                <c:pt idx="444">
                  <c:v>22.954999999999998</c:v>
                </c:pt>
                <c:pt idx="445">
                  <c:v>22.93</c:v>
                </c:pt>
                <c:pt idx="446">
                  <c:v>22.954999999999998</c:v>
                </c:pt>
                <c:pt idx="447">
                  <c:v>22.93</c:v>
                </c:pt>
                <c:pt idx="448">
                  <c:v>23.027999999999999</c:v>
                </c:pt>
                <c:pt idx="449">
                  <c:v>22.93</c:v>
                </c:pt>
                <c:pt idx="450">
                  <c:v>22.954999999999998</c:v>
                </c:pt>
                <c:pt idx="451">
                  <c:v>22.954999999999998</c:v>
                </c:pt>
                <c:pt idx="452">
                  <c:v>23.004000000000001</c:v>
                </c:pt>
                <c:pt idx="453">
                  <c:v>22.978999999999999</c:v>
                </c:pt>
                <c:pt idx="454">
                  <c:v>23.004000000000001</c:v>
                </c:pt>
                <c:pt idx="455">
                  <c:v>22.93</c:v>
                </c:pt>
                <c:pt idx="456">
                  <c:v>23.027999999999999</c:v>
                </c:pt>
                <c:pt idx="457">
                  <c:v>22.93</c:v>
                </c:pt>
                <c:pt idx="458">
                  <c:v>22.954999999999998</c:v>
                </c:pt>
                <c:pt idx="459">
                  <c:v>22.978999999999999</c:v>
                </c:pt>
                <c:pt idx="460">
                  <c:v>22.954999999999998</c:v>
                </c:pt>
                <c:pt idx="461">
                  <c:v>22.954999999999998</c:v>
                </c:pt>
                <c:pt idx="462">
                  <c:v>22.954999999999998</c:v>
                </c:pt>
                <c:pt idx="463">
                  <c:v>22.93</c:v>
                </c:pt>
                <c:pt idx="464">
                  <c:v>22.978999999999999</c:v>
                </c:pt>
                <c:pt idx="465">
                  <c:v>22.978999999999999</c:v>
                </c:pt>
                <c:pt idx="466">
                  <c:v>22.978999999999999</c:v>
                </c:pt>
                <c:pt idx="467">
                  <c:v>22.93</c:v>
                </c:pt>
                <c:pt idx="468">
                  <c:v>23.004000000000001</c:v>
                </c:pt>
                <c:pt idx="469">
                  <c:v>22.978999999999999</c:v>
                </c:pt>
                <c:pt idx="470">
                  <c:v>23.004000000000001</c:v>
                </c:pt>
                <c:pt idx="471">
                  <c:v>22.93</c:v>
                </c:pt>
                <c:pt idx="472">
                  <c:v>22.978999999999999</c:v>
                </c:pt>
                <c:pt idx="473">
                  <c:v>22.905999999999999</c:v>
                </c:pt>
                <c:pt idx="474">
                  <c:v>23.004000000000001</c:v>
                </c:pt>
                <c:pt idx="475">
                  <c:v>22.93</c:v>
                </c:pt>
                <c:pt idx="476">
                  <c:v>23.248000000000001</c:v>
                </c:pt>
                <c:pt idx="477">
                  <c:v>22.954999999999998</c:v>
                </c:pt>
                <c:pt idx="478">
                  <c:v>22.978999999999999</c:v>
                </c:pt>
                <c:pt idx="479">
                  <c:v>22.954999999999998</c:v>
                </c:pt>
                <c:pt idx="480">
                  <c:v>22.978999999999999</c:v>
                </c:pt>
                <c:pt idx="481">
                  <c:v>22.954999999999998</c:v>
                </c:pt>
                <c:pt idx="482">
                  <c:v>23.004000000000001</c:v>
                </c:pt>
                <c:pt idx="483">
                  <c:v>22.978999999999999</c:v>
                </c:pt>
                <c:pt idx="484">
                  <c:v>23.004000000000001</c:v>
                </c:pt>
                <c:pt idx="485">
                  <c:v>22.93</c:v>
                </c:pt>
                <c:pt idx="486">
                  <c:v>23.004000000000001</c:v>
                </c:pt>
                <c:pt idx="487">
                  <c:v>22.954999999999998</c:v>
                </c:pt>
                <c:pt idx="488">
                  <c:v>23.027999999999999</c:v>
                </c:pt>
                <c:pt idx="489">
                  <c:v>22.954999999999998</c:v>
                </c:pt>
                <c:pt idx="490">
                  <c:v>23.027999999999999</c:v>
                </c:pt>
                <c:pt idx="491">
                  <c:v>22.954999999999998</c:v>
                </c:pt>
                <c:pt idx="492">
                  <c:v>23.027999999999999</c:v>
                </c:pt>
                <c:pt idx="493">
                  <c:v>22.954999999999998</c:v>
                </c:pt>
                <c:pt idx="494">
                  <c:v>23.004000000000001</c:v>
                </c:pt>
                <c:pt idx="495">
                  <c:v>22.954999999999998</c:v>
                </c:pt>
                <c:pt idx="496">
                  <c:v>23.004000000000001</c:v>
                </c:pt>
                <c:pt idx="497">
                  <c:v>22.93</c:v>
                </c:pt>
                <c:pt idx="498">
                  <c:v>23.004000000000001</c:v>
                </c:pt>
                <c:pt idx="499">
                  <c:v>22.978999999999999</c:v>
                </c:pt>
                <c:pt idx="500">
                  <c:v>23.027999999999999</c:v>
                </c:pt>
                <c:pt idx="501">
                  <c:v>22.882000000000001</c:v>
                </c:pt>
                <c:pt idx="502">
                  <c:v>23.027999999999999</c:v>
                </c:pt>
                <c:pt idx="503">
                  <c:v>22.954999999999998</c:v>
                </c:pt>
                <c:pt idx="504">
                  <c:v>23.199000000000002</c:v>
                </c:pt>
                <c:pt idx="505">
                  <c:v>22.93</c:v>
                </c:pt>
                <c:pt idx="506">
                  <c:v>23.027999999999999</c:v>
                </c:pt>
                <c:pt idx="507">
                  <c:v>22.905999999999999</c:v>
                </c:pt>
                <c:pt idx="508">
                  <c:v>23.027999999999999</c:v>
                </c:pt>
                <c:pt idx="509">
                  <c:v>22.954999999999998</c:v>
                </c:pt>
                <c:pt idx="510">
                  <c:v>23.027999999999999</c:v>
                </c:pt>
                <c:pt idx="511">
                  <c:v>22.954999999999998</c:v>
                </c:pt>
                <c:pt idx="512">
                  <c:v>23.004000000000001</c:v>
                </c:pt>
                <c:pt idx="513">
                  <c:v>22.93</c:v>
                </c:pt>
                <c:pt idx="514">
                  <c:v>23.004000000000001</c:v>
                </c:pt>
                <c:pt idx="515">
                  <c:v>22.978999999999999</c:v>
                </c:pt>
                <c:pt idx="516">
                  <c:v>23.004000000000001</c:v>
                </c:pt>
                <c:pt idx="517">
                  <c:v>22.954999999999998</c:v>
                </c:pt>
                <c:pt idx="518">
                  <c:v>23.004000000000001</c:v>
                </c:pt>
                <c:pt idx="519">
                  <c:v>22.93</c:v>
                </c:pt>
                <c:pt idx="520">
                  <c:v>23.199000000000002</c:v>
                </c:pt>
                <c:pt idx="521">
                  <c:v>22.93</c:v>
                </c:pt>
                <c:pt idx="522">
                  <c:v>23.027999999999999</c:v>
                </c:pt>
                <c:pt idx="523">
                  <c:v>22.93</c:v>
                </c:pt>
                <c:pt idx="524">
                  <c:v>22.978999999999999</c:v>
                </c:pt>
                <c:pt idx="525">
                  <c:v>22.978999999999999</c:v>
                </c:pt>
                <c:pt idx="526">
                  <c:v>22.978999999999999</c:v>
                </c:pt>
                <c:pt idx="527">
                  <c:v>23.004000000000001</c:v>
                </c:pt>
                <c:pt idx="528">
                  <c:v>23.199000000000002</c:v>
                </c:pt>
                <c:pt idx="529">
                  <c:v>22.905999999999999</c:v>
                </c:pt>
                <c:pt idx="530">
                  <c:v>23.004000000000001</c:v>
                </c:pt>
                <c:pt idx="531">
                  <c:v>22.905999999999999</c:v>
                </c:pt>
                <c:pt idx="532">
                  <c:v>23.027999999999999</c:v>
                </c:pt>
                <c:pt idx="533">
                  <c:v>22.93</c:v>
                </c:pt>
                <c:pt idx="534">
                  <c:v>23.004000000000001</c:v>
                </c:pt>
                <c:pt idx="535">
                  <c:v>22.93</c:v>
                </c:pt>
                <c:pt idx="536">
                  <c:v>23.004000000000001</c:v>
                </c:pt>
                <c:pt idx="537">
                  <c:v>22.978999999999999</c:v>
                </c:pt>
                <c:pt idx="538">
                  <c:v>23.027999999999999</c:v>
                </c:pt>
                <c:pt idx="539">
                  <c:v>22.905999999999999</c:v>
                </c:pt>
                <c:pt idx="540">
                  <c:v>23.004000000000001</c:v>
                </c:pt>
                <c:pt idx="541">
                  <c:v>22.93</c:v>
                </c:pt>
                <c:pt idx="542">
                  <c:v>22.978999999999999</c:v>
                </c:pt>
                <c:pt idx="543">
                  <c:v>22.954999999999998</c:v>
                </c:pt>
                <c:pt idx="544">
                  <c:v>22.978999999999999</c:v>
                </c:pt>
                <c:pt idx="545">
                  <c:v>22.93</c:v>
                </c:pt>
                <c:pt idx="546">
                  <c:v>23.004000000000001</c:v>
                </c:pt>
                <c:pt idx="547">
                  <c:v>22.93</c:v>
                </c:pt>
                <c:pt idx="548">
                  <c:v>22.978999999999999</c:v>
                </c:pt>
                <c:pt idx="549">
                  <c:v>22.93</c:v>
                </c:pt>
                <c:pt idx="550">
                  <c:v>23.027999999999999</c:v>
                </c:pt>
                <c:pt idx="551">
                  <c:v>23.004000000000001</c:v>
                </c:pt>
                <c:pt idx="552">
                  <c:v>22.93</c:v>
                </c:pt>
                <c:pt idx="553">
                  <c:v>22.954999999999998</c:v>
                </c:pt>
                <c:pt idx="554">
                  <c:v>22.978999999999999</c:v>
                </c:pt>
                <c:pt idx="555">
                  <c:v>22.93</c:v>
                </c:pt>
                <c:pt idx="556">
                  <c:v>22.954999999999998</c:v>
                </c:pt>
                <c:pt idx="557">
                  <c:v>22.978999999999999</c:v>
                </c:pt>
                <c:pt idx="558">
                  <c:v>23.027999999999999</c:v>
                </c:pt>
                <c:pt idx="559">
                  <c:v>22.954999999999998</c:v>
                </c:pt>
                <c:pt idx="560">
                  <c:v>23.004000000000001</c:v>
                </c:pt>
                <c:pt idx="561">
                  <c:v>22.954999999999998</c:v>
                </c:pt>
                <c:pt idx="562">
                  <c:v>23.027999999999999</c:v>
                </c:pt>
                <c:pt idx="563">
                  <c:v>22.954999999999998</c:v>
                </c:pt>
                <c:pt idx="564">
                  <c:v>22.978999999999999</c:v>
                </c:pt>
                <c:pt idx="565">
                  <c:v>22.954999999999998</c:v>
                </c:pt>
                <c:pt idx="566">
                  <c:v>23.004000000000001</c:v>
                </c:pt>
                <c:pt idx="567">
                  <c:v>22.954999999999998</c:v>
                </c:pt>
                <c:pt idx="568">
                  <c:v>23.053000000000001</c:v>
                </c:pt>
                <c:pt idx="569">
                  <c:v>22.93</c:v>
                </c:pt>
                <c:pt idx="570">
                  <c:v>23.053000000000001</c:v>
                </c:pt>
                <c:pt idx="571">
                  <c:v>22.93</c:v>
                </c:pt>
                <c:pt idx="572">
                  <c:v>23.004000000000001</c:v>
                </c:pt>
                <c:pt idx="573">
                  <c:v>22.954999999999998</c:v>
                </c:pt>
                <c:pt idx="574">
                  <c:v>22.978999999999999</c:v>
                </c:pt>
                <c:pt idx="575">
                  <c:v>22.954999999999998</c:v>
                </c:pt>
                <c:pt idx="576">
                  <c:v>23.199000000000002</c:v>
                </c:pt>
                <c:pt idx="577">
                  <c:v>22.978999999999999</c:v>
                </c:pt>
                <c:pt idx="578">
                  <c:v>23.027999999999999</c:v>
                </c:pt>
                <c:pt idx="579">
                  <c:v>22.954999999999998</c:v>
                </c:pt>
                <c:pt idx="580">
                  <c:v>23.004000000000001</c:v>
                </c:pt>
                <c:pt idx="581">
                  <c:v>22.978999999999999</c:v>
                </c:pt>
                <c:pt idx="582">
                  <c:v>23.004000000000001</c:v>
                </c:pt>
                <c:pt idx="583">
                  <c:v>22.954999999999998</c:v>
                </c:pt>
                <c:pt idx="584">
                  <c:v>23.027999999999999</c:v>
                </c:pt>
                <c:pt idx="585">
                  <c:v>22.93</c:v>
                </c:pt>
                <c:pt idx="586">
                  <c:v>23.053000000000001</c:v>
                </c:pt>
                <c:pt idx="587">
                  <c:v>22.954999999999998</c:v>
                </c:pt>
                <c:pt idx="588">
                  <c:v>22.978999999999999</c:v>
                </c:pt>
                <c:pt idx="589">
                  <c:v>22.93</c:v>
                </c:pt>
                <c:pt idx="590">
                  <c:v>22.978999999999999</c:v>
                </c:pt>
                <c:pt idx="591">
                  <c:v>22.954999999999998</c:v>
                </c:pt>
                <c:pt idx="592">
                  <c:v>22.978999999999999</c:v>
                </c:pt>
                <c:pt idx="593">
                  <c:v>22.978999999999999</c:v>
                </c:pt>
                <c:pt idx="594">
                  <c:v>23.027999999999999</c:v>
                </c:pt>
                <c:pt idx="595">
                  <c:v>22.954999999999998</c:v>
                </c:pt>
                <c:pt idx="596">
                  <c:v>23.053000000000001</c:v>
                </c:pt>
                <c:pt idx="597">
                  <c:v>22.905999999999999</c:v>
                </c:pt>
                <c:pt idx="598">
                  <c:v>23.004000000000001</c:v>
                </c:pt>
                <c:pt idx="599">
                  <c:v>22.978999999999999</c:v>
                </c:pt>
                <c:pt idx="600">
                  <c:v>23.004000000000001</c:v>
                </c:pt>
                <c:pt idx="601">
                  <c:v>22.978999999999999</c:v>
                </c:pt>
                <c:pt idx="602">
                  <c:v>23.027999999999999</c:v>
                </c:pt>
                <c:pt idx="603">
                  <c:v>22.954999999999998</c:v>
                </c:pt>
                <c:pt idx="604">
                  <c:v>23.004000000000001</c:v>
                </c:pt>
                <c:pt idx="605">
                  <c:v>22.93</c:v>
                </c:pt>
                <c:pt idx="606">
                  <c:v>23.004000000000001</c:v>
                </c:pt>
                <c:pt idx="607">
                  <c:v>22.954999999999998</c:v>
                </c:pt>
                <c:pt idx="608">
                  <c:v>22.978999999999999</c:v>
                </c:pt>
                <c:pt idx="609">
                  <c:v>22.954999999999998</c:v>
                </c:pt>
                <c:pt idx="610">
                  <c:v>23.004000000000001</c:v>
                </c:pt>
                <c:pt idx="611">
                  <c:v>22.954999999999998</c:v>
                </c:pt>
                <c:pt idx="612">
                  <c:v>22.978999999999999</c:v>
                </c:pt>
                <c:pt idx="613">
                  <c:v>22.93</c:v>
                </c:pt>
                <c:pt idx="614">
                  <c:v>22.978999999999999</c:v>
                </c:pt>
                <c:pt idx="615">
                  <c:v>22.905999999999999</c:v>
                </c:pt>
                <c:pt idx="616">
                  <c:v>23.027999999999999</c:v>
                </c:pt>
                <c:pt idx="617">
                  <c:v>22.954999999999998</c:v>
                </c:pt>
                <c:pt idx="618">
                  <c:v>22.978999999999999</c:v>
                </c:pt>
                <c:pt idx="619">
                  <c:v>22.93</c:v>
                </c:pt>
                <c:pt idx="620">
                  <c:v>23.027999999999999</c:v>
                </c:pt>
                <c:pt idx="621">
                  <c:v>22.954999999999998</c:v>
                </c:pt>
                <c:pt idx="622">
                  <c:v>22.978999999999999</c:v>
                </c:pt>
                <c:pt idx="623">
                  <c:v>22.905999999999999</c:v>
                </c:pt>
                <c:pt idx="624">
                  <c:v>23.004000000000001</c:v>
                </c:pt>
                <c:pt idx="625">
                  <c:v>22.93</c:v>
                </c:pt>
                <c:pt idx="626">
                  <c:v>23.027999999999999</c:v>
                </c:pt>
                <c:pt idx="627">
                  <c:v>22.93</c:v>
                </c:pt>
                <c:pt idx="628">
                  <c:v>23.004000000000001</c:v>
                </c:pt>
                <c:pt idx="629">
                  <c:v>22.905999999999999</c:v>
                </c:pt>
                <c:pt idx="630">
                  <c:v>23.004000000000001</c:v>
                </c:pt>
                <c:pt idx="631">
                  <c:v>22.978999999999999</c:v>
                </c:pt>
                <c:pt idx="632">
                  <c:v>23.053000000000001</c:v>
                </c:pt>
                <c:pt idx="633">
                  <c:v>22.93</c:v>
                </c:pt>
                <c:pt idx="634">
                  <c:v>23.004000000000001</c:v>
                </c:pt>
                <c:pt idx="635">
                  <c:v>22.93</c:v>
                </c:pt>
                <c:pt idx="636">
                  <c:v>23.004000000000001</c:v>
                </c:pt>
                <c:pt idx="637">
                  <c:v>22.978999999999999</c:v>
                </c:pt>
                <c:pt idx="638">
                  <c:v>23.053000000000001</c:v>
                </c:pt>
                <c:pt idx="639">
                  <c:v>23.027999999999999</c:v>
                </c:pt>
                <c:pt idx="640">
                  <c:v>23.004000000000001</c:v>
                </c:pt>
                <c:pt idx="641">
                  <c:v>22.954999999999998</c:v>
                </c:pt>
                <c:pt idx="642">
                  <c:v>22.978999999999999</c:v>
                </c:pt>
                <c:pt idx="643">
                  <c:v>22.954999999999998</c:v>
                </c:pt>
                <c:pt idx="644">
                  <c:v>23.053000000000001</c:v>
                </c:pt>
                <c:pt idx="645">
                  <c:v>22.978999999999999</c:v>
                </c:pt>
                <c:pt idx="646">
                  <c:v>23.027999999999999</c:v>
                </c:pt>
                <c:pt idx="647">
                  <c:v>22.954999999999998</c:v>
                </c:pt>
                <c:pt idx="648">
                  <c:v>23.004000000000001</c:v>
                </c:pt>
                <c:pt idx="649">
                  <c:v>22.954999999999998</c:v>
                </c:pt>
                <c:pt idx="650">
                  <c:v>22.978999999999999</c:v>
                </c:pt>
                <c:pt idx="651">
                  <c:v>22.93</c:v>
                </c:pt>
                <c:pt idx="652">
                  <c:v>23.027999999999999</c:v>
                </c:pt>
                <c:pt idx="653">
                  <c:v>22.93</c:v>
                </c:pt>
                <c:pt idx="654">
                  <c:v>23.027999999999999</c:v>
                </c:pt>
                <c:pt idx="655">
                  <c:v>22.93</c:v>
                </c:pt>
                <c:pt idx="656">
                  <c:v>22.978999999999999</c:v>
                </c:pt>
                <c:pt idx="657">
                  <c:v>22.978999999999999</c:v>
                </c:pt>
                <c:pt idx="658">
                  <c:v>23.004000000000001</c:v>
                </c:pt>
                <c:pt idx="659">
                  <c:v>22.954999999999998</c:v>
                </c:pt>
                <c:pt idx="660">
                  <c:v>23.004000000000001</c:v>
                </c:pt>
                <c:pt idx="661">
                  <c:v>22.978999999999999</c:v>
                </c:pt>
                <c:pt idx="662">
                  <c:v>23.027999999999999</c:v>
                </c:pt>
                <c:pt idx="663">
                  <c:v>22.954999999999998</c:v>
                </c:pt>
                <c:pt idx="664">
                  <c:v>23.004000000000001</c:v>
                </c:pt>
                <c:pt idx="665">
                  <c:v>22.93</c:v>
                </c:pt>
                <c:pt idx="666">
                  <c:v>22.978999999999999</c:v>
                </c:pt>
                <c:pt idx="667">
                  <c:v>22.93</c:v>
                </c:pt>
                <c:pt idx="668">
                  <c:v>22.978999999999999</c:v>
                </c:pt>
                <c:pt idx="669">
                  <c:v>22.905999999999999</c:v>
                </c:pt>
                <c:pt idx="670">
                  <c:v>23.027999999999999</c:v>
                </c:pt>
                <c:pt idx="671">
                  <c:v>22.93</c:v>
                </c:pt>
                <c:pt idx="672">
                  <c:v>22.978999999999999</c:v>
                </c:pt>
                <c:pt idx="673">
                  <c:v>22.93</c:v>
                </c:pt>
                <c:pt idx="674">
                  <c:v>22.978999999999999</c:v>
                </c:pt>
                <c:pt idx="675">
                  <c:v>22.93</c:v>
                </c:pt>
                <c:pt idx="676">
                  <c:v>22.978999999999999</c:v>
                </c:pt>
                <c:pt idx="677">
                  <c:v>22.978999999999999</c:v>
                </c:pt>
                <c:pt idx="678">
                  <c:v>22.978999999999999</c:v>
                </c:pt>
                <c:pt idx="679">
                  <c:v>22.978999999999999</c:v>
                </c:pt>
                <c:pt idx="680">
                  <c:v>23.004000000000001</c:v>
                </c:pt>
                <c:pt idx="681">
                  <c:v>22.93</c:v>
                </c:pt>
                <c:pt idx="682">
                  <c:v>23.004000000000001</c:v>
                </c:pt>
                <c:pt idx="683">
                  <c:v>22.93</c:v>
                </c:pt>
                <c:pt idx="684">
                  <c:v>23.004000000000001</c:v>
                </c:pt>
                <c:pt idx="685">
                  <c:v>22.978999999999999</c:v>
                </c:pt>
                <c:pt idx="686">
                  <c:v>23.004000000000001</c:v>
                </c:pt>
                <c:pt idx="687">
                  <c:v>22.93</c:v>
                </c:pt>
                <c:pt idx="688">
                  <c:v>23.004000000000001</c:v>
                </c:pt>
                <c:pt idx="689">
                  <c:v>22.954999999999998</c:v>
                </c:pt>
                <c:pt idx="690">
                  <c:v>23.004000000000001</c:v>
                </c:pt>
                <c:pt idx="691">
                  <c:v>22.905999999999999</c:v>
                </c:pt>
                <c:pt idx="692">
                  <c:v>23.004000000000001</c:v>
                </c:pt>
                <c:pt idx="693">
                  <c:v>22.978999999999999</c:v>
                </c:pt>
                <c:pt idx="694">
                  <c:v>23.004000000000001</c:v>
                </c:pt>
                <c:pt idx="695">
                  <c:v>22.93</c:v>
                </c:pt>
                <c:pt idx="696">
                  <c:v>22.978999999999999</c:v>
                </c:pt>
                <c:pt idx="697">
                  <c:v>22.954999999999998</c:v>
                </c:pt>
                <c:pt idx="698">
                  <c:v>23.027999999999999</c:v>
                </c:pt>
                <c:pt idx="699">
                  <c:v>22.93</c:v>
                </c:pt>
                <c:pt idx="700">
                  <c:v>23.027999999999999</c:v>
                </c:pt>
                <c:pt idx="701">
                  <c:v>22.93</c:v>
                </c:pt>
                <c:pt idx="702">
                  <c:v>23.004000000000001</c:v>
                </c:pt>
                <c:pt idx="703">
                  <c:v>22.93</c:v>
                </c:pt>
                <c:pt idx="704">
                  <c:v>22.954999999999998</c:v>
                </c:pt>
                <c:pt idx="705">
                  <c:v>22.954999999999998</c:v>
                </c:pt>
                <c:pt idx="706">
                  <c:v>23.004000000000001</c:v>
                </c:pt>
                <c:pt idx="707">
                  <c:v>22.954999999999998</c:v>
                </c:pt>
                <c:pt idx="708">
                  <c:v>23.004000000000001</c:v>
                </c:pt>
                <c:pt idx="709">
                  <c:v>22.93</c:v>
                </c:pt>
                <c:pt idx="710">
                  <c:v>23.004000000000001</c:v>
                </c:pt>
                <c:pt idx="711">
                  <c:v>22.954999999999998</c:v>
                </c:pt>
                <c:pt idx="712">
                  <c:v>23.222999999999999</c:v>
                </c:pt>
                <c:pt idx="713">
                  <c:v>22.93</c:v>
                </c:pt>
                <c:pt idx="714">
                  <c:v>23.004000000000001</c:v>
                </c:pt>
                <c:pt idx="715">
                  <c:v>22.978999999999999</c:v>
                </c:pt>
                <c:pt idx="716">
                  <c:v>23.199000000000002</c:v>
                </c:pt>
                <c:pt idx="717">
                  <c:v>22.954999999999998</c:v>
                </c:pt>
                <c:pt idx="718">
                  <c:v>23.027999999999999</c:v>
                </c:pt>
                <c:pt idx="719">
                  <c:v>22.954999999999998</c:v>
                </c:pt>
                <c:pt idx="720">
                  <c:v>23.004000000000001</c:v>
                </c:pt>
                <c:pt idx="721">
                  <c:v>22.978999999999999</c:v>
                </c:pt>
                <c:pt idx="722">
                  <c:v>22.978999999999999</c:v>
                </c:pt>
                <c:pt idx="723">
                  <c:v>22.954999999999998</c:v>
                </c:pt>
                <c:pt idx="724">
                  <c:v>23.027999999999999</c:v>
                </c:pt>
                <c:pt idx="725">
                  <c:v>22.954999999999998</c:v>
                </c:pt>
                <c:pt idx="726">
                  <c:v>22.978999999999999</c:v>
                </c:pt>
                <c:pt idx="727">
                  <c:v>22.954999999999998</c:v>
                </c:pt>
                <c:pt idx="728">
                  <c:v>23.027999999999999</c:v>
                </c:pt>
                <c:pt idx="729">
                  <c:v>22.93</c:v>
                </c:pt>
                <c:pt idx="730">
                  <c:v>22.978999999999999</c:v>
                </c:pt>
                <c:pt idx="731">
                  <c:v>22.954999999999998</c:v>
                </c:pt>
                <c:pt idx="732">
                  <c:v>22.978999999999999</c:v>
                </c:pt>
                <c:pt idx="733">
                  <c:v>22.93</c:v>
                </c:pt>
                <c:pt idx="734">
                  <c:v>23.027999999999999</c:v>
                </c:pt>
                <c:pt idx="735">
                  <c:v>23.004000000000001</c:v>
                </c:pt>
                <c:pt idx="736">
                  <c:v>23.053000000000001</c:v>
                </c:pt>
                <c:pt idx="737">
                  <c:v>22.978999999999999</c:v>
                </c:pt>
                <c:pt idx="738">
                  <c:v>23.248000000000001</c:v>
                </c:pt>
                <c:pt idx="739">
                  <c:v>22.954999999999998</c:v>
                </c:pt>
                <c:pt idx="740">
                  <c:v>23.222999999999999</c:v>
                </c:pt>
                <c:pt idx="741">
                  <c:v>22.978999999999999</c:v>
                </c:pt>
                <c:pt idx="742">
                  <c:v>23.004000000000001</c:v>
                </c:pt>
                <c:pt idx="743">
                  <c:v>22.978999999999999</c:v>
                </c:pt>
                <c:pt idx="744">
                  <c:v>23.004000000000001</c:v>
                </c:pt>
                <c:pt idx="745">
                  <c:v>22.978999999999999</c:v>
                </c:pt>
                <c:pt idx="746">
                  <c:v>23.004000000000001</c:v>
                </c:pt>
                <c:pt idx="747">
                  <c:v>22.954999999999998</c:v>
                </c:pt>
                <c:pt idx="748">
                  <c:v>22.978999999999999</c:v>
                </c:pt>
                <c:pt idx="749">
                  <c:v>22.954999999999998</c:v>
                </c:pt>
                <c:pt idx="750">
                  <c:v>23.175000000000001</c:v>
                </c:pt>
                <c:pt idx="751">
                  <c:v>22.954999999999998</c:v>
                </c:pt>
                <c:pt idx="752">
                  <c:v>23.027999999999999</c:v>
                </c:pt>
                <c:pt idx="753">
                  <c:v>22.954999999999998</c:v>
                </c:pt>
                <c:pt idx="754">
                  <c:v>23.199000000000002</c:v>
                </c:pt>
                <c:pt idx="755">
                  <c:v>22.978999999999999</c:v>
                </c:pt>
                <c:pt idx="756">
                  <c:v>23.004000000000001</c:v>
                </c:pt>
                <c:pt idx="757">
                  <c:v>23.004000000000001</c:v>
                </c:pt>
                <c:pt idx="758">
                  <c:v>23.027999999999999</c:v>
                </c:pt>
                <c:pt idx="759">
                  <c:v>22.905999999999999</c:v>
                </c:pt>
                <c:pt idx="760">
                  <c:v>23.027999999999999</c:v>
                </c:pt>
                <c:pt idx="761">
                  <c:v>22.978999999999999</c:v>
                </c:pt>
                <c:pt idx="762">
                  <c:v>23.027999999999999</c:v>
                </c:pt>
                <c:pt idx="763">
                  <c:v>23.027999999999999</c:v>
                </c:pt>
                <c:pt idx="764">
                  <c:v>23.027999999999999</c:v>
                </c:pt>
                <c:pt idx="765">
                  <c:v>22.93</c:v>
                </c:pt>
                <c:pt idx="766">
                  <c:v>23.027999999999999</c:v>
                </c:pt>
                <c:pt idx="767">
                  <c:v>22.954999999999998</c:v>
                </c:pt>
                <c:pt idx="768">
                  <c:v>23.027999999999999</c:v>
                </c:pt>
                <c:pt idx="769">
                  <c:v>22.978999999999999</c:v>
                </c:pt>
                <c:pt idx="770">
                  <c:v>23.027999999999999</c:v>
                </c:pt>
                <c:pt idx="771">
                  <c:v>23.004000000000001</c:v>
                </c:pt>
                <c:pt idx="772">
                  <c:v>23.027999999999999</c:v>
                </c:pt>
                <c:pt idx="773">
                  <c:v>22.93</c:v>
                </c:pt>
                <c:pt idx="774">
                  <c:v>23.199000000000002</c:v>
                </c:pt>
                <c:pt idx="775">
                  <c:v>22.93</c:v>
                </c:pt>
                <c:pt idx="776">
                  <c:v>23.004000000000001</c:v>
                </c:pt>
                <c:pt idx="777">
                  <c:v>22.93</c:v>
                </c:pt>
                <c:pt idx="778">
                  <c:v>23.004000000000001</c:v>
                </c:pt>
                <c:pt idx="779">
                  <c:v>22.954999999999998</c:v>
                </c:pt>
                <c:pt idx="780">
                  <c:v>23.027999999999999</c:v>
                </c:pt>
                <c:pt idx="781">
                  <c:v>23.004000000000001</c:v>
                </c:pt>
                <c:pt idx="782">
                  <c:v>23.027999999999999</c:v>
                </c:pt>
                <c:pt idx="783">
                  <c:v>22.978999999999999</c:v>
                </c:pt>
                <c:pt idx="784">
                  <c:v>23.027999999999999</c:v>
                </c:pt>
                <c:pt idx="785">
                  <c:v>22.978999999999999</c:v>
                </c:pt>
                <c:pt idx="786">
                  <c:v>23.004000000000001</c:v>
                </c:pt>
                <c:pt idx="787">
                  <c:v>22.978999999999999</c:v>
                </c:pt>
                <c:pt idx="788">
                  <c:v>22.978999999999999</c:v>
                </c:pt>
                <c:pt idx="789">
                  <c:v>22.954999999999998</c:v>
                </c:pt>
                <c:pt idx="790">
                  <c:v>23.004000000000001</c:v>
                </c:pt>
                <c:pt idx="791">
                  <c:v>22.978999999999999</c:v>
                </c:pt>
                <c:pt idx="792">
                  <c:v>22.978999999999999</c:v>
                </c:pt>
                <c:pt idx="793">
                  <c:v>22.978999999999999</c:v>
                </c:pt>
                <c:pt idx="794">
                  <c:v>23.004000000000001</c:v>
                </c:pt>
                <c:pt idx="795">
                  <c:v>22.954999999999998</c:v>
                </c:pt>
                <c:pt idx="796">
                  <c:v>23.222999999999999</c:v>
                </c:pt>
                <c:pt idx="797">
                  <c:v>22.954999999999998</c:v>
                </c:pt>
                <c:pt idx="798">
                  <c:v>23.027999999999999</c:v>
                </c:pt>
                <c:pt idx="799">
                  <c:v>23.004000000000001</c:v>
                </c:pt>
                <c:pt idx="800">
                  <c:v>23.248000000000001</c:v>
                </c:pt>
                <c:pt idx="801">
                  <c:v>22.954999999999998</c:v>
                </c:pt>
                <c:pt idx="802">
                  <c:v>23.027999999999999</c:v>
                </c:pt>
                <c:pt idx="803">
                  <c:v>23.004000000000001</c:v>
                </c:pt>
                <c:pt idx="804">
                  <c:v>23.199000000000002</c:v>
                </c:pt>
                <c:pt idx="805">
                  <c:v>22.93</c:v>
                </c:pt>
                <c:pt idx="806">
                  <c:v>23.004000000000001</c:v>
                </c:pt>
                <c:pt idx="807">
                  <c:v>22.93</c:v>
                </c:pt>
                <c:pt idx="808">
                  <c:v>23.004000000000001</c:v>
                </c:pt>
                <c:pt idx="809">
                  <c:v>22.978999999999999</c:v>
                </c:pt>
                <c:pt idx="810">
                  <c:v>23.027999999999999</c:v>
                </c:pt>
                <c:pt idx="811">
                  <c:v>22.978999999999999</c:v>
                </c:pt>
                <c:pt idx="812">
                  <c:v>23.004000000000001</c:v>
                </c:pt>
                <c:pt idx="813">
                  <c:v>22.954999999999998</c:v>
                </c:pt>
                <c:pt idx="814">
                  <c:v>23.027999999999999</c:v>
                </c:pt>
                <c:pt idx="815">
                  <c:v>22.978999999999999</c:v>
                </c:pt>
                <c:pt idx="816">
                  <c:v>23.222999999999999</c:v>
                </c:pt>
                <c:pt idx="817">
                  <c:v>22.978999999999999</c:v>
                </c:pt>
                <c:pt idx="818">
                  <c:v>22.978999999999999</c:v>
                </c:pt>
                <c:pt idx="819">
                  <c:v>22.978999999999999</c:v>
                </c:pt>
                <c:pt idx="820">
                  <c:v>23.248000000000001</c:v>
                </c:pt>
                <c:pt idx="821">
                  <c:v>22.954999999999998</c:v>
                </c:pt>
                <c:pt idx="822">
                  <c:v>23.199000000000002</c:v>
                </c:pt>
                <c:pt idx="823">
                  <c:v>22.978999999999999</c:v>
                </c:pt>
                <c:pt idx="824">
                  <c:v>23.053000000000001</c:v>
                </c:pt>
                <c:pt idx="825">
                  <c:v>22.954999999999998</c:v>
                </c:pt>
                <c:pt idx="826">
                  <c:v>23.027999999999999</c:v>
                </c:pt>
                <c:pt idx="827">
                  <c:v>22.978999999999999</c:v>
                </c:pt>
                <c:pt idx="828">
                  <c:v>23.004000000000001</c:v>
                </c:pt>
                <c:pt idx="829">
                  <c:v>22.978999999999999</c:v>
                </c:pt>
                <c:pt idx="830">
                  <c:v>23.004000000000001</c:v>
                </c:pt>
                <c:pt idx="831">
                  <c:v>22.978999999999999</c:v>
                </c:pt>
                <c:pt idx="832">
                  <c:v>23.027999999999999</c:v>
                </c:pt>
                <c:pt idx="833">
                  <c:v>22.978999999999999</c:v>
                </c:pt>
                <c:pt idx="834">
                  <c:v>23.053000000000001</c:v>
                </c:pt>
                <c:pt idx="835">
                  <c:v>22.954999999999998</c:v>
                </c:pt>
                <c:pt idx="836">
                  <c:v>23.222999999999999</c:v>
                </c:pt>
                <c:pt idx="837">
                  <c:v>22.978999999999999</c:v>
                </c:pt>
                <c:pt idx="838">
                  <c:v>23.027999999999999</c:v>
                </c:pt>
                <c:pt idx="839">
                  <c:v>22.978999999999999</c:v>
                </c:pt>
                <c:pt idx="840">
                  <c:v>23.004000000000001</c:v>
                </c:pt>
                <c:pt idx="841">
                  <c:v>22.978999999999999</c:v>
                </c:pt>
                <c:pt idx="842">
                  <c:v>23.004000000000001</c:v>
                </c:pt>
                <c:pt idx="843">
                  <c:v>22.978999999999999</c:v>
                </c:pt>
                <c:pt idx="844">
                  <c:v>23.004000000000001</c:v>
                </c:pt>
                <c:pt idx="845">
                  <c:v>23.004000000000001</c:v>
                </c:pt>
                <c:pt idx="846">
                  <c:v>23.053000000000001</c:v>
                </c:pt>
                <c:pt idx="847">
                  <c:v>22.978999999999999</c:v>
                </c:pt>
                <c:pt idx="848">
                  <c:v>23.199000000000002</c:v>
                </c:pt>
                <c:pt idx="849">
                  <c:v>22.978999999999999</c:v>
                </c:pt>
                <c:pt idx="850">
                  <c:v>23.222999999999999</c:v>
                </c:pt>
                <c:pt idx="851">
                  <c:v>22.954999999999998</c:v>
                </c:pt>
                <c:pt idx="852">
                  <c:v>23.004000000000001</c:v>
                </c:pt>
                <c:pt idx="853">
                  <c:v>22.954999999999998</c:v>
                </c:pt>
                <c:pt idx="854">
                  <c:v>23.027999999999999</c:v>
                </c:pt>
                <c:pt idx="855">
                  <c:v>22.954999999999998</c:v>
                </c:pt>
                <c:pt idx="856">
                  <c:v>23.004000000000001</c:v>
                </c:pt>
                <c:pt idx="857">
                  <c:v>22.978999999999999</c:v>
                </c:pt>
                <c:pt idx="858">
                  <c:v>23.027999999999999</c:v>
                </c:pt>
                <c:pt idx="859">
                  <c:v>22.978999999999999</c:v>
                </c:pt>
                <c:pt idx="860">
                  <c:v>22.978999999999999</c:v>
                </c:pt>
                <c:pt idx="861">
                  <c:v>22.954999999999998</c:v>
                </c:pt>
                <c:pt idx="862">
                  <c:v>23.004000000000001</c:v>
                </c:pt>
                <c:pt idx="863">
                  <c:v>22.93</c:v>
                </c:pt>
                <c:pt idx="864">
                  <c:v>23.004000000000001</c:v>
                </c:pt>
                <c:pt idx="865">
                  <c:v>22.978999999999999</c:v>
                </c:pt>
                <c:pt idx="866">
                  <c:v>23.027999999999999</c:v>
                </c:pt>
                <c:pt idx="867">
                  <c:v>22.978999999999999</c:v>
                </c:pt>
                <c:pt idx="868">
                  <c:v>23.004000000000001</c:v>
                </c:pt>
                <c:pt idx="869">
                  <c:v>22.93</c:v>
                </c:pt>
                <c:pt idx="870">
                  <c:v>23.004000000000001</c:v>
                </c:pt>
                <c:pt idx="871">
                  <c:v>22.954999999999998</c:v>
                </c:pt>
                <c:pt idx="872">
                  <c:v>22.978999999999999</c:v>
                </c:pt>
                <c:pt idx="873">
                  <c:v>22.954999999999998</c:v>
                </c:pt>
                <c:pt idx="874">
                  <c:v>23.004000000000001</c:v>
                </c:pt>
                <c:pt idx="875">
                  <c:v>22.954999999999998</c:v>
                </c:pt>
                <c:pt idx="876">
                  <c:v>23.004000000000001</c:v>
                </c:pt>
                <c:pt idx="877">
                  <c:v>22.978999999999999</c:v>
                </c:pt>
                <c:pt idx="878">
                  <c:v>23.004000000000001</c:v>
                </c:pt>
                <c:pt idx="879">
                  <c:v>22.954999999999998</c:v>
                </c:pt>
                <c:pt idx="880">
                  <c:v>23.027999999999999</c:v>
                </c:pt>
                <c:pt idx="881">
                  <c:v>22.978999999999999</c:v>
                </c:pt>
                <c:pt idx="882">
                  <c:v>23.004000000000001</c:v>
                </c:pt>
                <c:pt idx="883">
                  <c:v>22.978999999999999</c:v>
                </c:pt>
                <c:pt idx="884">
                  <c:v>23.004000000000001</c:v>
                </c:pt>
                <c:pt idx="885">
                  <c:v>22.978999999999999</c:v>
                </c:pt>
                <c:pt idx="886">
                  <c:v>23.027999999999999</c:v>
                </c:pt>
                <c:pt idx="887">
                  <c:v>22.954999999999998</c:v>
                </c:pt>
                <c:pt idx="888">
                  <c:v>23.222999999999999</c:v>
                </c:pt>
                <c:pt idx="889">
                  <c:v>22.978999999999999</c:v>
                </c:pt>
                <c:pt idx="890">
                  <c:v>23.004000000000001</c:v>
                </c:pt>
                <c:pt idx="891">
                  <c:v>22.978999999999999</c:v>
                </c:pt>
                <c:pt idx="892">
                  <c:v>23.053000000000001</c:v>
                </c:pt>
                <c:pt idx="893">
                  <c:v>22.954999999999998</c:v>
                </c:pt>
                <c:pt idx="894">
                  <c:v>23.053000000000001</c:v>
                </c:pt>
                <c:pt idx="895">
                  <c:v>22.954999999999998</c:v>
                </c:pt>
                <c:pt idx="896">
                  <c:v>22.978999999999999</c:v>
                </c:pt>
                <c:pt idx="897">
                  <c:v>22.978999999999999</c:v>
                </c:pt>
                <c:pt idx="898">
                  <c:v>23.199000000000002</c:v>
                </c:pt>
                <c:pt idx="899">
                  <c:v>22.978999999999999</c:v>
                </c:pt>
                <c:pt idx="900">
                  <c:v>23.027999999999999</c:v>
                </c:pt>
                <c:pt idx="901">
                  <c:v>22.954999999999998</c:v>
                </c:pt>
                <c:pt idx="902">
                  <c:v>23.027999999999999</c:v>
                </c:pt>
                <c:pt idx="903">
                  <c:v>22.93</c:v>
                </c:pt>
                <c:pt idx="904">
                  <c:v>23.248000000000001</c:v>
                </c:pt>
                <c:pt idx="905">
                  <c:v>22.954999999999998</c:v>
                </c:pt>
                <c:pt idx="906">
                  <c:v>23.027999999999999</c:v>
                </c:pt>
                <c:pt idx="907">
                  <c:v>22.978999999999999</c:v>
                </c:pt>
                <c:pt idx="908">
                  <c:v>23.053000000000001</c:v>
                </c:pt>
                <c:pt idx="909">
                  <c:v>22.954999999999998</c:v>
                </c:pt>
                <c:pt idx="910">
                  <c:v>23.027999999999999</c:v>
                </c:pt>
                <c:pt idx="911">
                  <c:v>23.004000000000001</c:v>
                </c:pt>
                <c:pt idx="912">
                  <c:v>23.004000000000001</c:v>
                </c:pt>
                <c:pt idx="913">
                  <c:v>22.978999999999999</c:v>
                </c:pt>
                <c:pt idx="914">
                  <c:v>23.027999999999999</c:v>
                </c:pt>
                <c:pt idx="915">
                  <c:v>23.004000000000001</c:v>
                </c:pt>
                <c:pt idx="916">
                  <c:v>23.053000000000001</c:v>
                </c:pt>
                <c:pt idx="917">
                  <c:v>22.954999999999998</c:v>
                </c:pt>
                <c:pt idx="918">
                  <c:v>23.027999999999999</c:v>
                </c:pt>
                <c:pt idx="919">
                  <c:v>22.954999999999998</c:v>
                </c:pt>
                <c:pt idx="920">
                  <c:v>23.004000000000001</c:v>
                </c:pt>
                <c:pt idx="921">
                  <c:v>22.978999999999999</c:v>
                </c:pt>
                <c:pt idx="922">
                  <c:v>23.027999999999999</c:v>
                </c:pt>
                <c:pt idx="923">
                  <c:v>22.978999999999999</c:v>
                </c:pt>
                <c:pt idx="924">
                  <c:v>23.027999999999999</c:v>
                </c:pt>
                <c:pt idx="925">
                  <c:v>22.978999999999999</c:v>
                </c:pt>
                <c:pt idx="926">
                  <c:v>22.978999999999999</c:v>
                </c:pt>
                <c:pt idx="927">
                  <c:v>22.954999999999998</c:v>
                </c:pt>
                <c:pt idx="928">
                  <c:v>23.004000000000001</c:v>
                </c:pt>
                <c:pt idx="929">
                  <c:v>22.93</c:v>
                </c:pt>
                <c:pt idx="930">
                  <c:v>23.027999999999999</c:v>
                </c:pt>
                <c:pt idx="931">
                  <c:v>22.978999999999999</c:v>
                </c:pt>
                <c:pt idx="932">
                  <c:v>23.027999999999999</c:v>
                </c:pt>
                <c:pt idx="933">
                  <c:v>22.954999999999998</c:v>
                </c:pt>
                <c:pt idx="934">
                  <c:v>23.027999999999999</c:v>
                </c:pt>
                <c:pt idx="935">
                  <c:v>22.954999999999998</c:v>
                </c:pt>
                <c:pt idx="936">
                  <c:v>23.222999999999999</c:v>
                </c:pt>
                <c:pt idx="937">
                  <c:v>22.978999999999999</c:v>
                </c:pt>
                <c:pt idx="938">
                  <c:v>23.004000000000001</c:v>
                </c:pt>
                <c:pt idx="939">
                  <c:v>23.004000000000001</c:v>
                </c:pt>
                <c:pt idx="940">
                  <c:v>23.027999999999999</c:v>
                </c:pt>
                <c:pt idx="941">
                  <c:v>22.954999999999998</c:v>
                </c:pt>
                <c:pt idx="942">
                  <c:v>23.004000000000001</c:v>
                </c:pt>
                <c:pt idx="943">
                  <c:v>22.954999999999998</c:v>
                </c:pt>
                <c:pt idx="944">
                  <c:v>23.004000000000001</c:v>
                </c:pt>
                <c:pt idx="945">
                  <c:v>22.954999999999998</c:v>
                </c:pt>
                <c:pt idx="946">
                  <c:v>22.978999999999999</c:v>
                </c:pt>
                <c:pt idx="947">
                  <c:v>22.978999999999999</c:v>
                </c:pt>
                <c:pt idx="948">
                  <c:v>23.199000000000002</c:v>
                </c:pt>
                <c:pt idx="949">
                  <c:v>22.954999999999998</c:v>
                </c:pt>
                <c:pt idx="950">
                  <c:v>23.004000000000001</c:v>
                </c:pt>
                <c:pt idx="951">
                  <c:v>23.004000000000001</c:v>
                </c:pt>
                <c:pt idx="952">
                  <c:v>23.053000000000001</c:v>
                </c:pt>
                <c:pt idx="953">
                  <c:v>22.954999999999998</c:v>
                </c:pt>
                <c:pt idx="954">
                  <c:v>23.222999999999999</c:v>
                </c:pt>
                <c:pt idx="955">
                  <c:v>22.954999999999998</c:v>
                </c:pt>
                <c:pt idx="956">
                  <c:v>23.004000000000001</c:v>
                </c:pt>
                <c:pt idx="957">
                  <c:v>22.93</c:v>
                </c:pt>
                <c:pt idx="958">
                  <c:v>23.004000000000001</c:v>
                </c:pt>
                <c:pt idx="959">
                  <c:v>22.954999999999998</c:v>
                </c:pt>
                <c:pt idx="960">
                  <c:v>23.199000000000002</c:v>
                </c:pt>
                <c:pt idx="961">
                  <c:v>23.004000000000001</c:v>
                </c:pt>
                <c:pt idx="962">
                  <c:v>23.222999999999999</c:v>
                </c:pt>
                <c:pt idx="963">
                  <c:v>22.978999999999999</c:v>
                </c:pt>
                <c:pt idx="964">
                  <c:v>23.027999999999999</c:v>
                </c:pt>
                <c:pt idx="965">
                  <c:v>22.93</c:v>
                </c:pt>
                <c:pt idx="966">
                  <c:v>23.027999999999999</c:v>
                </c:pt>
                <c:pt idx="967">
                  <c:v>23.004000000000001</c:v>
                </c:pt>
                <c:pt idx="968">
                  <c:v>23.004000000000001</c:v>
                </c:pt>
                <c:pt idx="969">
                  <c:v>22.978999999999999</c:v>
                </c:pt>
                <c:pt idx="970">
                  <c:v>23.248000000000001</c:v>
                </c:pt>
                <c:pt idx="971">
                  <c:v>22.954999999999998</c:v>
                </c:pt>
                <c:pt idx="972">
                  <c:v>23.004000000000001</c:v>
                </c:pt>
                <c:pt idx="973">
                  <c:v>22.978999999999999</c:v>
                </c:pt>
                <c:pt idx="974">
                  <c:v>23.175000000000001</c:v>
                </c:pt>
                <c:pt idx="975">
                  <c:v>22.93</c:v>
                </c:pt>
                <c:pt idx="976">
                  <c:v>23.199000000000002</c:v>
                </c:pt>
                <c:pt idx="977">
                  <c:v>22.954999999999998</c:v>
                </c:pt>
                <c:pt idx="978">
                  <c:v>23.027999999999999</c:v>
                </c:pt>
                <c:pt idx="979">
                  <c:v>22.978999999999999</c:v>
                </c:pt>
                <c:pt idx="980">
                  <c:v>23.222999999999999</c:v>
                </c:pt>
                <c:pt idx="981">
                  <c:v>22.978999999999999</c:v>
                </c:pt>
                <c:pt idx="982">
                  <c:v>23.053000000000001</c:v>
                </c:pt>
                <c:pt idx="983">
                  <c:v>22.978999999999999</c:v>
                </c:pt>
                <c:pt idx="984">
                  <c:v>23.027999999999999</c:v>
                </c:pt>
                <c:pt idx="985">
                  <c:v>22.978999999999999</c:v>
                </c:pt>
                <c:pt idx="986">
                  <c:v>23.248000000000001</c:v>
                </c:pt>
                <c:pt idx="987">
                  <c:v>23.027999999999999</c:v>
                </c:pt>
                <c:pt idx="988">
                  <c:v>23.027999999999999</c:v>
                </c:pt>
                <c:pt idx="989">
                  <c:v>22.954999999999998</c:v>
                </c:pt>
                <c:pt idx="990">
                  <c:v>23.248000000000001</c:v>
                </c:pt>
                <c:pt idx="991">
                  <c:v>22.882000000000001</c:v>
                </c:pt>
                <c:pt idx="992">
                  <c:v>23.027999999999999</c:v>
                </c:pt>
                <c:pt idx="993">
                  <c:v>22.954999999999998</c:v>
                </c:pt>
                <c:pt idx="994">
                  <c:v>23.027999999999999</c:v>
                </c:pt>
                <c:pt idx="995">
                  <c:v>23.004000000000001</c:v>
                </c:pt>
                <c:pt idx="996">
                  <c:v>23.027999999999999</c:v>
                </c:pt>
                <c:pt idx="997">
                  <c:v>22.978999999999999</c:v>
                </c:pt>
                <c:pt idx="998">
                  <c:v>23.004000000000001</c:v>
                </c:pt>
                <c:pt idx="999">
                  <c:v>23.004000000000001</c:v>
                </c:pt>
                <c:pt idx="1000">
                  <c:v>23.222999999999999</c:v>
                </c:pt>
                <c:pt idx="1001">
                  <c:v>22.978999999999999</c:v>
                </c:pt>
                <c:pt idx="1002">
                  <c:v>23.004000000000001</c:v>
                </c:pt>
                <c:pt idx="1003">
                  <c:v>22.954999999999998</c:v>
                </c:pt>
                <c:pt idx="1004">
                  <c:v>23.004000000000001</c:v>
                </c:pt>
                <c:pt idx="1005">
                  <c:v>22.978999999999999</c:v>
                </c:pt>
                <c:pt idx="1006">
                  <c:v>23.027999999999999</c:v>
                </c:pt>
                <c:pt idx="1007">
                  <c:v>23.004000000000001</c:v>
                </c:pt>
                <c:pt idx="1008">
                  <c:v>23.004000000000001</c:v>
                </c:pt>
                <c:pt idx="1009">
                  <c:v>22.954999999999998</c:v>
                </c:pt>
                <c:pt idx="1010">
                  <c:v>23.027999999999999</c:v>
                </c:pt>
                <c:pt idx="1011">
                  <c:v>22.93</c:v>
                </c:pt>
                <c:pt idx="1012">
                  <c:v>22.978999999999999</c:v>
                </c:pt>
                <c:pt idx="1013">
                  <c:v>23.004000000000001</c:v>
                </c:pt>
                <c:pt idx="1014">
                  <c:v>23.004000000000001</c:v>
                </c:pt>
                <c:pt idx="1015">
                  <c:v>22.954999999999998</c:v>
                </c:pt>
                <c:pt idx="1016">
                  <c:v>23.199000000000002</c:v>
                </c:pt>
                <c:pt idx="1017">
                  <c:v>22.954999999999998</c:v>
                </c:pt>
                <c:pt idx="1018">
                  <c:v>23.199000000000002</c:v>
                </c:pt>
                <c:pt idx="1019">
                  <c:v>22.93</c:v>
                </c:pt>
                <c:pt idx="1020">
                  <c:v>23.175000000000001</c:v>
                </c:pt>
                <c:pt idx="1021">
                  <c:v>22.978999999999999</c:v>
                </c:pt>
                <c:pt idx="1022">
                  <c:v>23.004000000000001</c:v>
                </c:pt>
                <c:pt idx="1023">
                  <c:v>22.978999999999999</c:v>
                </c:pt>
                <c:pt idx="1024">
                  <c:v>23.027999999999999</c:v>
                </c:pt>
                <c:pt idx="1025">
                  <c:v>22.954999999999998</c:v>
                </c:pt>
                <c:pt idx="1026">
                  <c:v>23.004000000000001</c:v>
                </c:pt>
                <c:pt idx="1027">
                  <c:v>22.954999999999998</c:v>
                </c:pt>
                <c:pt idx="1028">
                  <c:v>23.199000000000002</c:v>
                </c:pt>
                <c:pt idx="1029">
                  <c:v>22.954999999999998</c:v>
                </c:pt>
                <c:pt idx="1030">
                  <c:v>23.027999999999999</c:v>
                </c:pt>
                <c:pt idx="1031">
                  <c:v>22.954999999999998</c:v>
                </c:pt>
                <c:pt idx="1032">
                  <c:v>23.027999999999999</c:v>
                </c:pt>
                <c:pt idx="1033">
                  <c:v>22.954999999999998</c:v>
                </c:pt>
                <c:pt idx="1034">
                  <c:v>23.027999999999999</c:v>
                </c:pt>
                <c:pt idx="1035">
                  <c:v>22.954999999999998</c:v>
                </c:pt>
                <c:pt idx="1036">
                  <c:v>23.004000000000001</c:v>
                </c:pt>
                <c:pt idx="1037">
                  <c:v>22.954999999999998</c:v>
                </c:pt>
                <c:pt idx="1038">
                  <c:v>23.004000000000001</c:v>
                </c:pt>
                <c:pt idx="1039">
                  <c:v>22.93</c:v>
                </c:pt>
                <c:pt idx="1040">
                  <c:v>23.004000000000001</c:v>
                </c:pt>
                <c:pt idx="1041">
                  <c:v>22.93</c:v>
                </c:pt>
                <c:pt idx="1042">
                  <c:v>23.004000000000001</c:v>
                </c:pt>
                <c:pt idx="1043">
                  <c:v>22.954999999999998</c:v>
                </c:pt>
                <c:pt idx="1044">
                  <c:v>23.004000000000001</c:v>
                </c:pt>
                <c:pt idx="1045">
                  <c:v>22.954999999999998</c:v>
                </c:pt>
                <c:pt idx="1046">
                  <c:v>22.978999999999999</c:v>
                </c:pt>
                <c:pt idx="1047">
                  <c:v>22.978999999999999</c:v>
                </c:pt>
                <c:pt idx="1048">
                  <c:v>23.004000000000001</c:v>
                </c:pt>
                <c:pt idx="1049">
                  <c:v>22.978999999999999</c:v>
                </c:pt>
                <c:pt idx="1050">
                  <c:v>23.027999999999999</c:v>
                </c:pt>
                <c:pt idx="1051">
                  <c:v>22.978999999999999</c:v>
                </c:pt>
                <c:pt idx="1052">
                  <c:v>23.004000000000001</c:v>
                </c:pt>
                <c:pt idx="1053">
                  <c:v>22.93</c:v>
                </c:pt>
                <c:pt idx="1054">
                  <c:v>23.027999999999999</c:v>
                </c:pt>
                <c:pt idx="1055">
                  <c:v>23.004000000000001</c:v>
                </c:pt>
                <c:pt idx="1056">
                  <c:v>23.004000000000001</c:v>
                </c:pt>
                <c:pt idx="1057">
                  <c:v>22.978999999999999</c:v>
                </c:pt>
                <c:pt idx="1058">
                  <c:v>23.222999999999999</c:v>
                </c:pt>
                <c:pt idx="1059">
                  <c:v>22.954999999999998</c:v>
                </c:pt>
                <c:pt idx="1060">
                  <c:v>23.053000000000001</c:v>
                </c:pt>
                <c:pt idx="1061">
                  <c:v>22.93</c:v>
                </c:pt>
                <c:pt idx="1062">
                  <c:v>22.978999999999999</c:v>
                </c:pt>
                <c:pt idx="1063">
                  <c:v>22.954999999999998</c:v>
                </c:pt>
                <c:pt idx="1064">
                  <c:v>23.027999999999999</c:v>
                </c:pt>
                <c:pt idx="1065">
                  <c:v>22.978999999999999</c:v>
                </c:pt>
                <c:pt idx="1066">
                  <c:v>23.027999999999999</c:v>
                </c:pt>
                <c:pt idx="1067">
                  <c:v>22.954999999999998</c:v>
                </c:pt>
                <c:pt idx="1068">
                  <c:v>23.053000000000001</c:v>
                </c:pt>
                <c:pt idx="1069">
                  <c:v>22.954999999999998</c:v>
                </c:pt>
                <c:pt idx="1070">
                  <c:v>23.027999999999999</c:v>
                </c:pt>
                <c:pt idx="1071">
                  <c:v>23.222999999999999</c:v>
                </c:pt>
                <c:pt idx="1072">
                  <c:v>23.027999999999999</c:v>
                </c:pt>
                <c:pt idx="1073">
                  <c:v>22.978999999999999</c:v>
                </c:pt>
                <c:pt idx="1074">
                  <c:v>23.222999999999999</c:v>
                </c:pt>
                <c:pt idx="1075">
                  <c:v>23.004000000000001</c:v>
                </c:pt>
                <c:pt idx="1076">
                  <c:v>23.027999999999999</c:v>
                </c:pt>
                <c:pt idx="1077">
                  <c:v>22.978999999999999</c:v>
                </c:pt>
                <c:pt idx="1078">
                  <c:v>23.027999999999999</c:v>
                </c:pt>
                <c:pt idx="1079">
                  <c:v>22.978999999999999</c:v>
                </c:pt>
                <c:pt idx="1080">
                  <c:v>23.053000000000001</c:v>
                </c:pt>
                <c:pt idx="1081">
                  <c:v>22.954999999999998</c:v>
                </c:pt>
                <c:pt idx="1082">
                  <c:v>23.027999999999999</c:v>
                </c:pt>
                <c:pt idx="1083">
                  <c:v>22.978999999999999</c:v>
                </c:pt>
                <c:pt idx="1084">
                  <c:v>23.027999999999999</c:v>
                </c:pt>
                <c:pt idx="1085">
                  <c:v>22.978999999999999</c:v>
                </c:pt>
                <c:pt idx="1086">
                  <c:v>22.978999999999999</c:v>
                </c:pt>
                <c:pt idx="1087">
                  <c:v>22.978999999999999</c:v>
                </c:pt>
                <c:pt idx="1088">
                  <c:v>22.978999999999999</c:v>
                </c:pt>
                <c:pt idx="1089">
                  <c:v>22.954999999999998</c:v>
                </c:pt>
                <c:pt idx="1090">
                  <c:v>23.004000000000001</c:v>
                </c:pt>
                <c:pt idx="1091">
                  <c:v>22.93</c:v>
                </c:pt>
                <c:pt idx="1092">
                  <c:v>23.004000000000001</c:v>
                </c:pt>
                <c:pt idx="1093">
                  <c:v>22.93</c:v>
                </c:pt>
                <c:pt idx="1094">
                  <c:v>23.004000000000001</c:v>
                </c:pt>
                <c:pt idx="1095">
                  <c:v>22.978999999999999</c:v>
                </c:pt>
                <c:pt idx="1096">
                  <c:v>23.053000000000001</c:v>
                </c:pt>
                <c:pt idx="1097">
                  <c:v>22.93</c:v>
                </c:pt>
                <c:pt idx="1098">
                  <c:v>23.027999999999999</c:v>
                </c:pt>
                <c:pt idx="1099">
                  <c:v>22.93</c:v>
                </c:pt>
                <c:pt idx="1100">
                  <c:v>23.004000000000001</c:v>
                </c:pt>
                <c:pt idx="1101">
                  <c:v>22.978999999999999</c:v>
                </c:pt>
                <c:pt idx="1102">
                  <c:v>23.027999999999999</c:v>
                </c:pt>
                <c:pt idx="1103">
                  <c:v>22.954999999999998</c:v>
                </c:pt>
                <c:pt idx="1104">
                  <c:v>23.027999999999999</c:v>
                </c:pt>
                <c:pt idx="1105">
                  <c:v>22.978999999999999</c:v>
                </c:pt>
                <c:pt idx="1106">
                  <c:v>23.004000000000001</c:v>
                </c:pt>
                <c:pt idx="1107">
                  <c:v>22.954999999999998</c:v>
                </c:pt>
                <c:pt idx="1108">
                  <c:v>23.004000000000001</c:v>
                </c:pt>
                <c:pt idx="1109">
                  <c:v>22.978999999999999</c:v>
                </c:pt>
                <c:pt idx="1110">
                  <c:v>23.004000000000001</c:v>
                </c:pt>
                <c:pt idx="1111">
                  <c:v>22.954999999999998</c:v>
                </c:pt>
                <c:pt idx="1112">
                  <c:v>23.222999999999999</c:v>
                </c:pt>
                <c:pt idx="1113">
                  <c:v>22.978999999999999</c:v>
                </c:pt>
                <c:pt idx="1114">
                  <c:v>23.004000000000001</c:v>
                </c:pt>
                <c:pt idx="1115">
                  <c:v>22.978999999999999</c:v>
                </c:pt>
                <c:pt idx="1116">
                  <c:v>23.222999999999999</c:v>
                </c:pt>
                <c:pt idx="1117">
                  <c:v>22.978999999999999</c:v>
                </c:pt>
                <c:pt idx="1118">
                  <c:v>23.053000000000001</c:v>
                </c:pt>
                <c:pt idx="1119">
                  <c:v>22.93</c:v>
                </c:pt>
                <c:pt idx="1120">
                  <c:v>23.027999999999999</c:v>
                </c:pt>
                <c:pt idx="1121">
                  <c:v>22.93</c:v>
                </c:pt>
                <c:pt idx="1122">
                  <c:v>23.004000000000001</c:v>
                </c:pt>
                <c:pt idx="1123">
                  <c:v>22.954999999999998</c:v>
                </c:pt>
                <c:pt idx="1124">
                  <c:v>23.004000000000001</c:v>
                </c:pt>
                <c:pt idx="1125">
                  <c:v>23.004000000000001</c:v>
                </c:pt>
                <c:pt idx="1126">
                  <c:v>23.004000000000001</c:v>
                </c:pt>
                <c:pt idx="1127">
                  <c:v>22.954999999999998</c:v>
                </c:pt>
                <c:pt idx="1128">
                  <c:v>23.004000000000001</c:v>
                </c:pt>
                <c:pt idx="1129">
                  <c:v>22.93</c:v>
                </c:pt>
                <c:pt idx="1130">
                  <c:v>23.199000000000002</c:v>
                </c:pt>
                <c:pt idx="1131">
                  <c:v>23.004000000000001</c:v>
                </c:pt>
                <c:pt idx="1132">
                  <c:v>23.004000000000001</c:v>
                </c:pt>
                <c:pt idx="1133">
                  <c:v>22.954999999999998</c:v>
                </c:pt>
                <c:pt idx="1134">
                  <c:v>23.053000000000001</c:v>
                </c:pt>
                <c:pt idx="1135">
                  <c:v>22.978999999999999</c:v>
                </c:pt>
                <c:pt idx="1136">
                  <c:v>23.004000000000001</c:v>
                </c:pt>
                <c:pt idx="1137">
                  <c:v>22.978999999999999</c:v>
                </c:pt>
                <c:pt idx="1138">
                  <c:v>22.978999999999999</c:v>
                </c:pt>
                <c:pt idx="1139">
                  <c:v>22.954999999999998</c:v>
                </c:pt>
                <c:pt idx="1140">
                  <c:v>22.978999999999999</c:v>
                </c:pt>
                <c:pt idx="1141">
                  <c:v>22.93</c:v>
                </c:pt>
                <c:pt idx="1142">
                  <c:v>23.027999999999999</c:v>
                </c:pt>
                <c:pt idx="1143">
                  <c:v>22.954999999999998</c:v>
                </c:pt>
                <c:pt idx="1144">
                  <c:v>23.053000000000001</c:v>
                </c:pt>
                <c:pt idx="1145">
                  <c:v>22.978999999999999</c:v>
                </c:pt>
                <c:pt idx="1146">
                  <c:v>23.004000000000001</c:v>
                </c:pt>
                <c:pt idx="1147">
                  <c:v>22.978999999999999</c:v>
                </c:pt>
                <c:pt idx="1148">
                  <c:v>22.978999999999999</c:v>
                </c:pt>
                <c:pt idx="1149">
                  <c:v>22.93</c:v>
                </c:pt>
                <c:pt idx="1150">
                  <c:v>23.027999999999999</c:v>
                </c:pt>
                <c:pt idx="1151">
                  <c:v>22.978999999999999</c:v>
                </c:pt>
                <c:pt idx="1152">
                  <c:v>23.053000000000001</c:v>
                </c:pt>
                <c:pt idx="1153">
                  <c:v>22.93</c:v>
                </c:pt>
                <c:pt idx="1154">
                  <c:v>23.027999999999999</c:v>
                </c:pt>
                <c:pt idx="1155">
                  <c:v>22.954999999999998</c:v>
                </c:pt>
                <c:pt idx="1156">
                  <c:v>23.199000000000002</c:v>
                </c:pt>
                <c:pt idx="1157">
                  <c:v>22.978999999999999</c:v>
                </c:pt>
                <c:pt idx="1158">
                  <c:v>23.222999999999999</c:v>
                </c:pt>
                <c:pt idx="1159">
                  <c:v>22.954999999999998</c:v>
                </c:pt>
                <c:pt idx="1160">
                  <c:v>22.954999999999998</c:v>
                </c:pt>
                <c:pt idx="1161">
                  <c:v>22.954999999999998</c:v>
                </c:pt>
                <c:pt idx="1162">
                  <c:v>23.004000000000001</c:v>
                </c:pt>
                <c:pt idx="1163">
                  <c:v>22.954999999999998</c:v>
                </c:pt>
                <c:pt idx="1164">
                  <c:v>23.004000000000001</c:v>
                </c:pt>
                <c:pt idx="1165">
                  <c:v>22.954999999999998</c:v>
                </c:pt>
                <c:pt idx="1166">
                  <c:v>23.222999999999999</c:v>
                </c:pt>
                <c:pt idx="1167">
                  <c:v>22.93</c:v>
                </c:pt>
                <c:pt idx="1168">
                  <c:v>23.004000000000001</c:v>
                </c:pt>
                <c:pt idx="1169">
                  <c:v>22.978999999999999</c:v>
                </c:pt>
                <c:pt idx="1170">
                  <c:v>23.027999999999999</c:v>
                </c:pt>
                <c:pt idx="1171">
                  <c:v>22.93</c:v>
                </c:pt>
                <c:pt idx="1172">
                  <c:v>23.004000000000001</c:v>
                </c:pt>
                <c:pt idx="1173">
                  <c:v>22.954999999999998</c:v>
                </c:pt>
                <c:pt idx="1174">
                  <c:v>23.027999999999999</c:v>
                </c:pt>
                <c:pt idx="1175">
                  <c:v>22.978999999999999</c:v>
                </c:pt>
                <c:pt idx="1176">
                  <c:v>22.978999999999999</c:v>
                </c:pt>
                <c:pt idx="1177">
                  <c:v>22.905999999999999</c:v>
                </c:pt>
                <c:pt idx="1178">
                  <c:v>22.978999999999999</c:v>
                </c:pt>
                <c:pt idx="1179">
                  <c:v>22.978999999999999</c:v>
                </c:pt>
                <c:pt idx="1180">
                  <c:v>23.004000000000001</c:v>
                </c:pt>
                <c:pt idx="1181">
                  <c:v>22.978999999999999</c:v>
                </c:pt>
                <c:pt idx="1182">
                  <c:v>22.978999999999999</c:v>
                </c:pt>
                <c:pt idx="1183">
                  <c:v>22.954999999999998</c:v>
                </c:pt>
                <c:pt idx="1184">
                  <c:v>23.027999999999999</c:v>
                </c:pt>
                <c:pt idx="1185">
                  <c:v>22.954999999999998</c:v>
                </c:pt>
                <c:pt idx="1186">
                  <c:v>23.027999999999999</c:v>
                </c:pt>
                <c:pt idx="1187">
                  <c:v>22.93</c:v>
                </c:pt>
                <c:pt idx="1188">
                  <c:v>23.027999999999999</c:v>
                </c:pt>
                <c:pt idx="1189">
                  <c:v>22.954999999999998</c:v>
                </c:pt>
                <c:pt idx="1190">
                  <c:v>23.053000000000001</c:v>
                </c:pt>
                <c:pt idx="1191">
                  <c:v>23.004000000000001</c:v>
                </c:pt>
                <c:pt idx="1192">
                  <c:v>23.027999999999999</c:v>
                </c:pt>
                <c:pt idx="1193">
                  <c:v>22.954999999999998</c:v>
                </c:pt>
                <c:pt idx="1194">
                  <c:v>23.053000000000001</c:v>
                </c:pt>
                <c:pt idx="1195">
                  <c:v>22.856999999999999</c:v>
                </c:pt>
                <c:pt idx="1196">
                  <c:v>23.027999999999999</c:v>
                </c:pt>
                <c:pt idx="1197">
                  <c:v>22.954999999999998</c:v>
                </c:pt>
                <c:pt idx="1198">
                  <c:v>23.027999999999999</c:v>
                </c:pt>
                <c:pt idx="1199">
                  <c:v>22.978999999999999</c:v>
                </c:pt>
                <c:pt idx="1200">
                  <c:v>23.027999999999999</c:v>
                </c:pt>
                <c:pt idx="1201">
                  <c:v>22.978999999999999</c:v>
                </c:pt>
                <c:pt idx="1202">
                  <c:v>22.978999999999999</c:v>
                </c:pt>
                <c:pt idx="1203">
                  <c:v>22.954999999999998</c:v>
                </c:pt>
                <c:pt idx="1204">
                  <c:v>23.053000000000001</c:v>
                </c:pt>
                <c:pt idx="1205">
                  <c:v>22.954999999999998</c:v>
                </c:pt>
                <c:pt idx="1206">
                  <c:v>23.004000000000001</c:v>
                </c:pt>
                <c:pt idx="1207">
                  <c:v>22.954999999999998</c:v>
                </c:pt>
                <c:pt idx="1208">
                  <c:v>23.053000000000001</c:v>
                </c:pt>
                <c:pt idx="1209">
                  <c:v>22.978999999999999</c:v>
                </c:pt>
                <c:pt idx="1210">
                  <c:v>23.027999999999999</c:v>
                </c:pt>
                <c:pt idx="1211">
                  <c:v>22.978999999999999</c:v>
                </c:pt>
                <c:pt idx="1212">
                  <c:v>23.271999999999998</c:v>
                </c:pt>
                <c:pt idx="1213">
                  <c:v>22.905999999999999</c:v>
                </c:pt>
                <c:pt idx="1214">
                  <c:v>23.004000000000001</c:v>
                </c:pt>
                <c:pt idx="1215">
                  <c:v>22.954999999999998</c:v>
                </c:pt>
                <c:pt idx="1216">
                  <c:v>23.027999999999999</c:v>
                </c:pt>
                <c:pt idx="1217">
                  <c:v>22.954999999999998</c:v>
                </c:pt>
                <c:pt idx="1218">
                  <c:v>23.004000000000001</c:v>
                </c:pt>
                <c:pt idx="1219">
                  <c:v>22.954999999999998</c:v>
                </c:pt>
                <c:pt idx="1220">
                  <c:v>23.004000000000001</c:v>
                </c:pt>
                <c:pt idx="1221">
                  <c:v>22.93</c:v>
                </c:pt>
                <c:pt idx="1222">
                  <c:v>23.004000000000001</c:v>
                </c:pt>
                <c:pt idx="1223">
                  <c:v>22.93</c:v>
                </c:pt>
                <c:pt idx="1224">
                  <c:v>23.004000000000001</c:v>
                </c:pt>
                <c:pt idx="1225">
                  <c:v>22.978999999999999</c:v>
                </c:pt>
                <c:pt idx="1226">
                  <c:v>23.053000000000001</c:v>
                </c:pt>
                <c:pt idx="1227">
                  <c:v>23.004000000000001</c:v>
                </c:pt>
                <c:pt idx="1228">
                  <c:v>22.978999999999999</c:v>
                </c:pt>
                <c:pt idx="1229">
                  <c:v>22.978999999999999</c:v>
                </c:pt>
                <c:pt idx="1230">
                  <c:v>23.027999999999999</c:v>
                </c:pt>
                <c:pt idx="1231">
                  <c:v>22.978999999999999</c:v>
                </c:pt>
                <c:pt idx="1232">
                  <c:v>22.978999999999999</c:v>
                </c:pt>
                <c:pt idx="1233">
                  <c:v>22.978999999999999</c:v>
                </c:pt>
                <c:pt idx="1234">
                  <c:v>23.027999999999999</c:v>
                </c:pt>
                <c:pt idx="1235">
                  <c:v>22.93</c:v>
                </c:pt>
                <c:pt idx="1236">
                  <c:v>23.027999999999999</c:v>
                </c:pt>
                <c:pt idx="1237">
                  <c:v>22.954999999999998</c:v>
                </c:pt>
                <c:pt idx="1238">
                  <c:v>23.248000000000001</c:v>
                </c:pt>
                <c:pt idx="1239">
                  <c:v>23.004000000000001</c:v>
                </c:pt>
                <c:pt idx="1240">
                  <c:v>23.027999999999999</c:v>
                </c:pt>
                <c:pt idx="1241">
                  <c:v>22.978999999999999</c:v>
                </c:pt>
                <c:pt idx="1242">
                  <c:v>23.004000000000001</c:v>
                </c:pt>
                <c:pt idx="1243">
                  <c:v>22.954999999999998</c:v>
                </c:pt>
                <c:pt idx="1244">
                  <c:v>23.027999999999999</c:v>
                </c:pt>
                <c:pt idx="1245">
                  <c:v>23.004000000000001</c:v>
                </c:pt>
                <c:pt idx="1246">
                  <c:v>23.004000000000001</c:v>
                </c:pt>
                <c:pt idx="1247">
                  <c:v>22.954999999999998</c:v>
                </c:pt>
                <c:pt idx="1248">
                  <c:v>23.004000000000001</c:v>
                </c:pt>
                <c:pt idx="1249">
                  <c:v>22.954999999999998</c:v>
                </c:pt>
                <c:pt idx="1250">
                  <c:v>22.978999999999999</c:v>
                </c:pt>
                <c:pt idx="1251">
                  <c:v>22.954999999999998</c:v>
                </c:pt>
                <c:pt idx="1252">
                  <c:v>23.004000000000001</c:v>
                </c:pt>
                <c:pt idx="1253">
                  <c:v>22.93</c:v>
                </c:pt>
                <c:pt idx="1254">
                  <c:v>23.027999999999999</c:v>
                </c:pt>
                <c:pt idx="1255">
                  <c:v>22.954999999999998</c:v>
                </c:pt>
                <c:pt idx="1256">
                  <c:v>23.053000000000001</c:v>
                </c:pt>
                <c:pt idx="1257">
                  <c:v>22.954999999999998</c:v>
                </c:pt>
                <c:pt idx="1258">
                  <c:v>23.004000000000001</c:v>
                </c:pt>
                <c:pt idx="1259">
                  <c:v>22.954999999999998</c:v>
                </c:pt>
                <c:pt idx="1260">
                  <c:v>23.004000000000001</c:v>
                </c:pt>
                <c:pt idx="1261">
                  <c:v>22.954999999999998</c:v>
                </c:pt>
                <c:pt idx="1262">
                  <c:v>23.004000000000001</c:v>
                </c:pt>
                <c:pt idx="1263">
                  <c:v>22.978999999999999</c:v>
                </c:pt>
                <c:pt idx="1264">
                  <c:v>22.954999999999998</c:v>
                </c:pt>
                <c:pt idx="1265">
                  <c:v>22.978999999999999</c:v>
                </c:pt>
                <c:pt idx="1266">
                  <c:v>23.053000000000001</c:v>
                </c:pt>
                <c:pt idx="1267">
                  <c:v>22.93</c:v>
                </c:pt>
                <c:pt idx="1268">
                  <c:v>23.004000000000001</c:v>
                </c:pt>
                <c:pt idx="1269">
                  <c:v>22.954999999999998</c:v>
                </c:pt>
                <c:pt idx="1270">
                  <c:v>23.027999999999999</c:v>
                </c:pt>
                <c:pt idx="1271">
                  <c:v>22.93</c:v>
                </c:pt>
                <c:pt idx="1272">
                  <c:v>23.004000000000001</c:v>
                </c:pt>
                <c:pt idx="1273">
                  <c:v>22.93</c:v>
                </c:pt>
                <c:pt idx="1274">
                  <c:v>23.199000000000002</c:v>
                </c:pt>
                <c:pt idx="1275">
                  <c:v>22.954999999999998</c:v>
                </c:pt>
                <c:pt idx="1276">
                  <c:v>23.248000000000001</c:v>
                </c:pt>
                <c:pt idx="1277">
                  <c:v>22.954999999999998</c:v>
                </c:pt>
                <c:pt idx="1278">
                  <c:v>23.004000000000001</c:v>
                </c:pt>
                <c:pt idx="1279">
                  <c:v>22.954999999999998</c:v>
                </c:pt>
                <c:pt idx="1280">
                  <c:v>23.004000000000001</c:v>
                </c:pt>
                <c:pt idx="1281">
                  <c:v>22.978999999999999</c:v>
                </c:pt>
                <c:pt idx="1282">
                  <c:v>23.053000000000001</c:v>
                </c:pt>
                <c:pt idx="1283">
                  <c:v>22.954999999999998</c:v>
                </c:pt>
                <c:pt idx="1284">
                  <c:v>23.027999999999999</c:v>
                </c:pt>
                <c:pt idx="1285">
                  <c:v>23.027999999999999</c:v>
                </c:pt>
                <c:pt idx="1286">
                  <c:v>23.027999999999999</c:v>
                </c:pt>
                <c:pt idx="1287">
                  <c:v>22.954999999999998</c:v>
                </c:pt>
                <c:pt idx="1288">
                  <c:v>23.004000000000001</c:v>
                </c:pt>
                <c:pt idx="1289">
                  <c:v>23.004000000000001</c:v>
                </c:pt>
                <c:pt idx="1290">
                  <c:v>22.978999999999999</c:v>
                </c:pt>
                <c:pt idx="1291">
                  <c:v>22.954999999999998</c:v>
                </c:pt>
                <c:pt idx="1292">
                  <c:v>23.027999999999999</c:v>
                </c:pt>
                <c:pt idx="1293">
                  <c:v>23.004000000000001</c:v>
                </c:pt>
                <c:pt idx="1294">
                  <c:v>23.004000000000001</c:v>
                </c:pt>
                <c:pt idx="1295">
                  <c:v>22.978999999999999</c:v>
                </c:pt>
                <c:pt idx="1296">
                  <c:v>23.053000000000001</c:v>
                </c:pt>
                <c:pt idx="1297">
                  <c:v>22.954999999999998</c:v>
                </c:pt>
                <c:pt idx="1298">
                  <c:v>23.222999999999999</c:v>
                </c:pt>
                <c:pt idx="1299">
                  <c:v>22.978999999999999</c:v>
                </c:pt>
                <c:pt idx="1300">
                  <c:v>23.004000000000001</c:v>
                </c:pt>
                <c:pt idx="1301">
                  <c:v>23.004000000000001</c:v>
                </c:pt>
                <c:pt idx="1302">
                  <c:v>23.004000000000001</c:v>
                </c:pt>
                <c:pt idx="1303">
                  <c:v>22.93</c:v>
                </c:pt>
                <c:pt idx="1304">
                  <c:v>23.027999999999999</c:v>
                </c:pt>
                <c:pt idx="1305">
                  <c:v>22.954999999999998</c:v>
                </c:pt>
                <c:pt idx="1306">
                  <c:v>23.027999999999999</c:v>
                </c:pt>
                <c:pt idx="1307">
                  <c:v>22.954999999999998</c:v>
                </c:pt>
                <c:pt idx="1308">
                  <c:v>23.004000000000001</c:v>
                </c:pt>
                <c:pt idx="1309">
                  <c:v>22.978999999999999</c:v>
                </c:pt>
                <c:pt idx="1310">
                  <c:v>23.053000000000001</c:v>
                </c:pt>
                <c:pt idx="1311">
                  <c:v>22.978999999999999</c:v>
                </c:pt>
                <c:pt idx="1312">
                  <c:v>23.027999999999999</c:v>
                </c:pt>
                <c:pt idx="1313">
                  <c:v>22.93</c:v>
                </c:pt>
                <c:pt idx="1314">
                  <c:v>23.053000000000001</c:v>
                </c:pt>
                <c:pt idx="1315">
                  <c:v>22.978999999999999</c:v>
                </c:pt>
                <c:pt idx="1316">
                  <c:v>23.027999999999999</c:v>
                </c:pt>
                <c:pt idx="1317">
                  <c:v>22.954999999999998</c:v>
                </c:pt>
                <c:pt idx="1318">
                  <c:v>23.004000000000001</c:v>
                </c:pt>
                <c:pt idx="1319">
                  <c:v>22.954999999999998</c:v>
                </c:pt>
                <c:pt idx="1320">
                  <c:v>23.004000000000001</c:v>
                </c:pt>
                <c:pt idx="1321">
                  <c:v>22.978999999999999</c:v>
                </c:pt>
                <c:pt idx="1322">
                  <c:v>23.053000000000001</c:v>
                </c:pt>
                <c:pt idx="1323">
                  <c:v>23.004000000000001</c:v>
                </c:pt>
                <c:pt idx="1324">
                  <c:v>23.004000000000001</c:v>
                </c:pt>
                <c:pt idx="1325">
                  <c:v>22.978999999999999</c:v>
                </c:pt>
                <c:pt idx="1326">
                  <c:v>22.978999999999999</c:v>
                </c:pt>
                <c:pt idx="1327">
                  <c:v>22.978999999999999</c:v>
                </c:pt>
                <c:pt idx="1328">
                  <c:v>23.053000000000001</c:v>
                </c:pt>
                <c:pt idx="1329">
                  <c:v>22.978999999999999</c:v>
                </c:pt>
                <c:pt idx="1330">
                  <c:v>23.053000000000001</c:v>
                </c:pt>
                <c:pt idx="1331">
                  <c:v>22.978999999999999</c:v>
                </c:pt>
                <c:pt idx="1332">
                  <c:v>23.053000000000001</c:v>
                </c:pt>
                <c:pt idx="1333">
                  <c:v>22.978999999999999</c:v>
                </c:pt>
                <c:pt idx="1334">
                  <c:v>23.004000000000001</c:v>
                </c:pt>
                <c:pt idx="1335">
                  <c:v>23.004000000000001</c:v>
                </c:pt>
                <c:pt idx="1336">
                  <c:v>23.053000000000001</c:v>
                </c:pt>
                <c:pt idx="1337">
                  <c:v>22.954999999999998</c:v>
                </c:pt>
                <c:pt idx="1338">
                  <c:v>23.004000000000001</c:v>
                </c:pt>
                <c:pt idx="1339">
                  <c:v>22.978999999999999</c:v>
                </c:pt>
                <c:pt idx="1340">
                  <c:v>23.004000000000001</c:v>
                </c:pt>
                <c:pt idx="1341">
                  <c:v>22.978999999999999</c:v>
                </c:pt>
                <c:pt idx="1342">
                  <c:v>23.027999999999999</c:v>
                </c:pt>
                <c:pt idx="1343">
                  <c:v>22.954999999999998</c:v>
                </c:pt>
                <c:pt idx="1344">
                  <c:v>22.978999999999999</c:v>
                </c:pt>
                <c:pt idx="1345">
                  <c:v>23.004000000000001</c:v>
                </c:pt>
                <c:pt idx="1346">
                  <c:v>23.027999999999999</c:v>
                </c:pt>
                <c:pt idx="1347">
                  <c:v>22.978999999999999</c:v>
                </c:pt>
                <c:pt idx="1348">
                  <c:v>23.027999999999999</c:v>
                </c:pt>
                <c:pt idx="1349">
                  <c:v>22.978999999999999</c:v>
                </c:pt>
                <c:pt idx="1350">
                  <c:v>23.027999999999999</c:v>
                </c:pt>
                <c:pt idx="1351">
                  <c:v>22.93</c:v>
                </c:pt>
                <c:pt idx="1352">
                  <c:v>22.978999999999999</c:v>
                </c:pt>
                <c:pt idx="1353">
                  <c:v>22.954999999999998</c:v>
                </c:pt>
                <c:pt idx="1354">
                  <c:v>23.222999999999999</c:v>
                </c:pt>
                <c:pt idx="1355">
                  <c:v>22.978999999999999</c:v>
                </c:pt>
                <c:pt idx="1356">
                  <c:v>23.004000000000001</c:v>
                </c:pt>
                <c:pt idx="1357">
                  <c:v>22.954999999999998</c:v>
                </c:pt>
                <c:pt idx="1358">
                  <c:v>23.027999999999999</c:v>
                </c:pt>
                <c:pt idx="1359">
                  <c:v>23.004000000000001</c:v>
                </c:pt>
                <c:pt idx="1360">
                  <c:v>23.027999999999999</c:v>
                </c:pt>
                <c:pt idx="1361">
                  <c:v>22.954999999999998</c:v>
                </c:pt>
                <c:pt idx="1362">
                  <c:v>23.053000000000001</c:v>
                </c:pt>
                <c:pt idx="1363">
                  <c:v>22.978999999999999</c:v>
                </c:pt>
                <c:pt idx="1364">
                  <c:v>23.053000000000001</c:v>
                </c:pt>
                <c:pt idx="1365">
                  <c:v>23.004000000000001</c:v>
                </c:pt>
                <c:pt idx="1366">
                  <c:v>23.027999999999999</c:v>
                </c:pt>
                <c:pt idx="1367">
                  <c:v>22.954999999999998</c:v>
                </c:pt>
                <c:pt idx="1368">
                  <c:v>23.053000000000001</c:v>
                </c:pt>
                <c:pt idx="1369">
                  <c:v>23.004000000000001</c:v>
                </c:pt>
                <c:pt idx="1370">
                  <c:v>23.004000000000001</c:v>
                </c:pt>
                <c:pt idx="1371">
                  <c:v>22.978999999999999</c:v>
                </c:pt>
                <c:pt idx="1372">
                  <c:v>23.053000000000001</c:v>
                </c:pt>
                <c:pt idx="1373">
                  <c:v>22.978999999999999</c:v>
                </c:pt>
                <c:pt idx="1374">
                  <c:v>23.004000000000001</c:v>
                </c:pt>
                <c:pt idx="1375">
                  <c:v>22.954999999999998</c:v>
                </c:pt>
                <c:pt idx="1376">
                  <c:v>23.004000000000001</c:v>
                </c:pt>
                <c:pt idx="1377">
                  <c:v>22.954999999999998</c:v>
                </c:pt>
                <c:pt idx="1378">
                  <c:v>22.978999999999999</c:v>
                </c:pt>
                <c:pt idx="1379">
                  <c:v>22.978999999999999</c:v>
                </c:pt>
                <c:pt idx="1380">
                  <c:v>23.004000000000001</c:v>
                </c:pt>
                <c:pt idx="1381">
                  <c:v>22.978999999999999</c:v>
                </c:pt>
                <c:pt idx="1382">
                  <c:v>23.027999999999999</c:v>
                </c:pt>
                <c:pt idx="1383">
                  <c:v>22.978999999999999</c:v>
                </c:pt>
                <c:pt idx="1384">
                  <c:v>23.027999999999999</c:v>
                </c:pt>
                <c:pt idx="1385">
                  <c:v>22.93</c:v>
                </c:pt>
                <c:pt idx="1386">
                  <c:v>23.027999999999999</c:v>
                </c:pt>
                <c:pt idx="1387">
                  <c:v>22.978999999999999</c:v>
                </c:pt>
                <c:pt idx="1388">
                  <c:v>23.004000000000001</c:v>
                </c:pt>
                <c:pt idx="1389">
                  <c:v>22.978999999999999</c:v>
                </c:pt>
                <c:pt idx="1390">
                  <c:v>22.978999999999999</c:v>
                </c:pt>
                <c:pt idx="1391">
                  <c:v>22.954999999999998</c:v>
                </c:pt>
                <c:pt idx="1392">
                  <c:v>23.027999999999999</c:v>
                </c:pt>
                <c:pt idx="1393">
                  <c:v>22.954999999999998</c:v>
                </c:pt>
                <c:pt idx="1394">
                  <c:v>23.248000000000001</c:v>
                </c:pt>
                <c:pt idx="1395">
                  <c:v>22.978999999999999</c:v>
                </c:pt>
                <c:pt idx="1396">
                  <c:v>23.004000000000001</c:v>
                </c:pt>
                <c:pt idx="1397">
                  <c:v>22.978999999999999</c:v>
                </c:pt>
                <c:pt idx="1398">
                  <c:v>22.978999999999999</c:v>
                </c:pt>
                <c:pt idx="1399">
                  <c:v>23.004000000000001</c:v>
                </c:pt>
                <c:pt idx="1400">
                  <c:v>23.004000000000001</c:v>
                </c:pt>
                <c:pt idx="1401">
                  <c:v>22.93</c:v>
                </c:pt>
                <c:pt idx="1402">
                  <c:v>23.027999999999999</c:v>
                </c:pt>
                <c:pt idx="1403">
                  <c:v>22.954999999999998</c:v>
                </c:pt>
                <c:pt idx="1404">
                  <c:v>23.222999999999999</c:v>
                </c:pt>
                <c:pt idx="1405">
                  <c:v>22.93</c:v>
                </c:pt>
                <c:pt idx="1406">
                  <c:v>23.053000000000001</c:v>
                </c:pt>
                <c:pt idx="1407">
                  <c:v>22.954999999999998</c:v>
                </c:pt>
                <c:pt idx="1408">
                  <c:v>23.222999999999999</c:v>
                </c:pt>
                <c:pt idx="1409">
                  <c:v>22.978999999999999</c:v>
                </c:pt>
                <c:pt idx="1410">
                  <c:v>23.199000000000002</c:v>
                </c:pt>
                <c:pt idx="1411">
                  <c:v>22.978999999999999</c:v>
                </c:pt>
                <c:pt idx="1412">
                  <c:v>23.027999999999999</c:v>
                </c:pt>
                <c:pt idx="1413">
                  <c:v>22.954999999999998</c:v>
                </c:pt>
                <c:pt idx="1414">
                  <c:v>23.004000000000001</c:v>
                </c:pt>
                <c:pt idx="1415">
                  <c:v>22.954999999999998</c:v>
                </c:pt>
                <c:pt idx="1416">
                  <c:v>23.004000000000001</c:v>
                </c:pt>
                <c:pt idx="1417">
                  <c:v>22.978999999999999</c:v>
                </c:pt>
                <c:pt idx="1418">
                  <c:v>23.004000000000001</c:v>
                </c:pt>
                <c:pt idx="1419">
                  <c:v>22.93</c:v>
                </c:pt>
                <c:pt idx="1420">
                  <c:v>22.978999999999999</c:v>
                </c:pt>
                <c:pt idx="1421">
                  <c:v>22.954999999999998</c:v>
                </c:pt>
                <c:pt idx="1422">
                  <c:v>23.053000000000001</c:v>
                </c:pt>
                <c:pt idx="1423">
                  <c:v>22.954999999999998</c:v>
                </c:pt>
                <c:pt idx="1424">
                  <c:v>23.004000000000001</c:v>
                </c:pt>
                <c:pt idx="1425">
                  <c:v>23.004000000000001</c:v>
                </c:pt>
                <c:pt idx="1426">
                  <c:v>23.053000000000001</c:v>
                </c:pt>
                <c:pt idx="1427">
                  <c:v>22.954999999999998</c:v>
                </c:pt>
                <c:pt idx="1428">
                  <c:v>23.027999999999999</c:v>
                </c:pt>
                <c:pt idx="1429">
                  <c:v>22.954999999999998</c:v>
                </c:pt>
                <c:pt idx="1430">
                  <c:v>23.004000000000001</c:v>
                </c:pt>
                <c:pt idx="1431">
                  <c:v>22.93</c:v>
                </c:pt>
                <c:pt idx="1432">
                  <c:v>23.004000000000001</c:v>
                </c:pt>
                <c:pt idx="1433">
                  <c:v>22.905999999999999</c:v>
                </c:pt>
                <c:pt idx="1434">
                  <c:v>23.027999999999999</c:v>
                </c:pt>
                <c:pt idx="1435">
                  <c:v>22.954999999999998</c:v>
                </c:pt>
                <c:pt idx="1436">
                  <c:v>23.004000000000001</c:v>
                </c:pt>
                <c:pt idx="1437">
                  <c:v>22.954999999999998</c:v>
                </c:pt>
                <c:pt idx="1438">
                  <c:v>23.004000000000001</c:v>
                </c:pt>
                <c:pt idx="1439">
                  <c:v>22.93</c:v>
                </c:pt>
                <c:pt idx="1440">
                  <c:v>23.004000000000001</c:v>
                </c:pt>
                <c:pt idx="1441">
                  <c:v>22.954999999999998</c:v>
                </c:pt>
                <c:pt idx="1442">
                  <c:v>23.004000000000001</c:v>
                </c:pt>
                <c:pt idx="1443">
                  <c:v>22.954999999999998</c:v>
                </c:pt>
                <c:pt idx="1444">
                  <c:v>22.978999999999999</c:v>
                </c:pt>
                <c:pt idx="1445">
                  <c:v>22.905999999999999</c:v>
                </c:pt>
                <c:pt idx="1446">
                  <c:v>23.004000000000001</c:v>
                </c:pt>
                <c:pt idx="1447">
                  <c:v>22.93</c:v>
                </c:pt>
                <c:pt idx="1448">
                  <c:v>23.004000000000001</c:v>
                </c:pt>
                <c:pt idx="1449">
                  <c:v>22.905999999999999</c:v>
                </c:pt>
                <c:pt idx="1450">
                  <c:v>23.004000000000001</c:v>
                </c:pt>
                <c:pt idx="1451">
                  <c:v>22.905999999999999</c:v>
                </c:pt>
                <c:pt idx="1452">
                  <c:v>22.978999999999999</c:v>
                </c:pt>
                <c:pt idx="1453">
                  <c:v>22.93</c:v>
                </c:pt>
                <c:pt idx="1454">
                  <c:v>23.004000000000001</c:v>
                </c:pt>
                <c:pt idx="1455">
                  <c:v>22.954999999999998</c:v>
                </c:pt>
                <c:pt idx="1456">
                  <c:v>23.004000000000001</c:v>
                </c:pt>
                <c:pt idx="1457">
                  <c:v>22.954999999999998</c:v>
                </c:pt>
                <c:pt idx="1458">
                  <c:v>22.954999999999998</c:v>
                </c:pt>
                <c:pt idx="1459">
                  <c:v>22.954999999999998</c:v>
                </c:pt>
                <c:pt idx="1460">
                  <c:v>23.027999999999999</c:v>
                </c:pt>
                <c:pt idx="1461">
                  <c:v>22.93</c:v>
                </c:pt>
                <c:pt idx="1462">
                  <c:v>23.004000000000001</c:v>
                </c:pt>
                <c:pt idx="1463">
                  <c:v>22.93</c:v>
                </c:pt>
                <c:pt idx="1464">
                  <c:v>23.027999999999999</c:v>
                </c:pt>
                <c:pt idx="1465">
                  <c:v>22.93</c:v>
                </c:pt>
                <c:pt idx="1466">
                  <c:v>22.978999999999999</c:v>
                </c:pt>
                <c:pt idx="1467">
                  <c:v>22.93</c:v>
                </c:pt>
                <c:pt idx="1468">
                  <c:v>23.004000000000001</c:v>
                </c:pt>
                <c:pt idx="1469">
                  <c:v>22.978999999999999</c:v>
                </c:pt>
                <c:pt idx="1470">
                  <c:v>23.004000000000001</c:v>
                </c:pt>
                <c:pt idx="1471">
                  <c:v>22.978999999999999</c:v>
                </c:pt>
                <c:pt idx="1472">
                  <c:v>23.004000000000001</c:v>
                </c:pt>
                <c:pt idx="1473">
                  <c:v>22.954999999999998</c:v>
                </c:pt>
                <c:pt idx="1474">
                  <c:v>23.027999999999999</c:v>
                </c:pt>
                <c:pt idx="1475">
                  <c:v>22.954999999999998</c:v>
                </c:pt>
                <c:pt idx="1476">
                  <c:v>22.978999999999999</c:v>
                </c:pt>
                <c:pt idx="1477">
                  <c:v>22.954999999999998</c:v>
                </c:pt>
                <c:pt idx="1478">
                  <c:v>22.978999999999999</c:v>
                </c:pt>
                <c:pt idx="1479">
                  <c:v>22.954999999999998</c:v>
                </c:pt>
                <c:pt idx="1480">
                  <c:v>22.978999999999999</c:v>
                </c:pt>
                <c:pt idx="1481">
                  <c:v>22.954999999999998</c:v>
                </c:pt>
                <c:pt idx="1482">
                  <c:v>23.027999999999999</c:v>
                </c:pt>
                <c:pt idx="1483">
                  <c:v>22.954999999999998</c:v>
                </c:pt>
                <c:pt idx="1484">
                  <c:v>22.978999999999999</c:v>
                </c:pt>
                <c:pt idx="1485">
                  <c:v>22.954999999999998</c:v>
                </c:pt>
                <c:pt idx="1486">
                  <c:v>23.004000000000001</c:v>
                </c:pt>
                <c:pt idx="1487">
                  <c:v>22.954999999999998</c:v>
                </c:pt>
                <c:pt idx="1488">
                  <c:v>23.004000000000001</c:v>
                </c:pt>
                <c:pt idx="1489">
                  <c:v>22.978999999999999</c:v>
                </c:pt>
                <c:pt idx="1490">
                  <c:v>23.248000000000001</c:v>
                </c:pt>
                <c:pt idx="1491">
                  <c:v>22.978999999999999</c:v>
                </c:pt>
                <c:pt idx="1492">
                  <c:v>23.004000000000001</c:v>
                </c:pt>
                <c:pt idx="1493">
                  <c:v>22.954999999999998</c:v>
                </c:pt>
                <c:pt idx="1494">
                  <c:v>23.222999999999999</c:v>
                </c:pt>
                <c:pt idx="1495">
                  <c:v>22.978999999999999</c:v>
                </c:pt>
                <c:pt idx="1496">
                  <c:v>22.978999999999999</c:v>
                </c:pt>
                <c:pt idx="1497">
                  <c:v>22.1</c:v>
                </c:pt>
                <c:pt idx="1498">
                  <c:v>23.222999999999999</c:v>
                </c:pt>
                <c:pt idx="1499">
                  <c:v>22.93</c:v>
                </c:pt>
                <c:pt idx="1500">
                  <c:v>22.954999999999998</c:v>
                </c:pt>
                <c:pt idx="1501">
                  <c:v>22.93</c:v>
                </c:pt>
                <c:pt idx="1502">
                  <c:v>23.004000000000001</c:v>
                </c:pt>
                <c:pt idx="1503">
                  <c:v>22.93</c:v>
                </c:pt>
                <c:pt idx="1504">
                  <c:v>23.004000000000001</c:v>
                </c:pt>
                <c:pt idx="1505">
                  <c:v>22.93</c:v>
                </c:pt>
                <c:pt idx="1506">
                  <c:v>22.978999999999999</c:v>
                </c:pt>
                <c:pt idx="1507">
                  <c:v>22.93</c:v>
                </c:pt>
                <c:pt idx="1508">
                  <c:v>23.004000000000001</c:v>
                </c:pt>
                <c:pt idx="1509">
                  <c:v>22.954999999999998</c:v>
                </c:pt>
                <c:pt idx="1510">
                  <c:v>23.004000000000001</c:v>
                </c:pt>
                <c:pt idx="1511">
                  <c:v>22.905999999999999</c:v>
                </c:pt>
                <c:pt idx="1512">
                  <c:v>22.978999999999999</c:v>
                </c:pt>
                <c:pt idx="1513">
                  <c:v>22.905999999999999</c:v>
                </c:pt>
                <c:pt idx="1514">
                  <c:v>22.954999999999998</c:v>
                </c:pt>
                <c:pt idx="1515">
                  <c:v>22.93</c:v>
                </c:pt>
                <c:pt idx="1516">
                  <c:v>23.027999999999999</c:v>
                </c:pt>
                <c:pt idx="1517">
                  <c:v>22.93</c:v>
                </c:pt>
                <c:pt idx="1518">
                  <c:v>23.004000000000001</c:v>
                </c:pt>
                <c:pt idx="1519">
                  <c:v>22.93</c:v>
                </c:pt>
                <c:pt idx="1520">
                  <c:v>23.004000000000001</c:v>
                </c:pt>
                <c:pt idx="1521">
                  <c:v>23.027999999999999</c:v>
                </c:pt>
                <c:pt idx="1522">
                  <c:v>23.004000000000001</c:v>
                </c:pt>
                <c:pt idx="1523">
                  <c:v>22.978999999999999</c:v>
                </c:pt>
                <c:pt idx="1524">
                  <c:v>23.004000000000001</c:v>
                </c:pt>
                <c:pt idx="1525">
                  <c:v>22.905999999999999</c:v>
                </c:pt>
                <c:pt idx="1526">
                  <c:v>23.004000000000001</c:v>
                </c:pt>
                <c:pt idx="1527">
                  <c:v>22.954999999999998</c:v>
                </c:pt>
                <c:pt idx="1528">
                  <c:v>22.954999999999998</c:v>
                </c:pt>
                <c:pt idx="1529">
                  <c:v>22.93</c:v>
                </c:pt>
                <c:pt idx="1530">
                  <c:v>22.978999999999999</c:v>
                </c:pt>
                <c:pt idx="1531">
                  <c:v>22.466000000000001</c:v>
                </c:pt>
                <c:pt idx="1532">
                  <c:v>22.564</c:v>
                </c:pt>
                <c:pt idx="1533">
                  <c:v>22.882000000000001</c:v>
                </c:pt>
                <c:pt idx="1534">
                  <c:v>23.004000000000001</c:v>
                </c:pt>
                <c:pt idx="1535">
                  <c:v>22.954999999999998</c:v>
                </c:pt>
                <c:pt idx="1536">
                  <c:v>23.027999999999999</c:v>
                </c:pt>
                <c:pt idx="1537">
                  <c:v>22.954999999999998</c:v>
                </c:pt>
                <c:pt idx="1538">
                  <c:v>23.053000000000001</c:v>
                </c:pt>
                <c:pt idx="1539">
                  <c:v>22.978999999999999</c:v>
                </c:pt>
                <c:pt idx="1540">
                  <c:v>23.004000000000001</c:v>
                </c:pt>
                <c:pt idx="1541">
                  <c:v>22.93</c:v>
                </c:pt>
                <c:pt idx="1542">
                  <c:v>22.978999999999999</c:v>
                </c:pt>
                <c:pt idx="1543">
                  <c:v>22.954999999999998</c:v>
                </c:pt>
                <c:pt idx="1544">
                  <c:v>23.004000000000001</c:v>
                </c:pt>
                <c:pt idx="1545">
                  <c:v>22.978999999999999</c:v>
                </c:pt>
                <c:pt idx="1546">
                  <c:v>22.978999999999999</c:v>
                </c:pt>
                <c:pt idx="1547">
                  <c:v>22.954999999999998</c:v>
                </c:pt>
                <c:pt idx="1548">
                  <c:v>23.004000000000001</c:v>
                </c:pt>
                <c:pt idx="1549">
                  <c:v>22.93</c:v>
                </c:pt>
                <c:pt idx="1550">
                  <c:v>23.004000000000001</c:v>
                </c:pt>
                <c:pt idx="1551">
                  <c:v>22.954999999999998</c:v>
                </c:pt>
                <c:pt idx="1552">
                  <c:v>22.978999999999999</c:v>
                </c:pt>
                <c:pt idx="1553">
                  <c:v>22.954999999999998</c:v>
                </c:pt>
                <c:pt idx="1554">
                  <c:v>23.027999999999999</c:v>
                </c:pt>
                <c:pt idx="1555">
                  <c:v>22.93</c:v>
                </c:pt>
                <c:pt idx="1556">
                  <c:v>22.808</c:v>
                </c:pt>
                <c:pt idx="1557">
                  <c:v>22.93</c:v>
                </c:pt>
                <c:pt idx="1558">
                  <c:v>23.004000000000001</c:v>
                </c:pt>
                <c:pt idx="1559">
                  <c:v>22.954999999999998</c:v>
                </c:pt>
                <c:pt idx="1560">
                  <c:v>22.978999999999999</c:v>
                </c:pt>
                <c:pt idx="1561">
                  <c:v>22.954999999999998</c:v>
                </c:pt>
                <c:pt idx="1562">
                  <c:v>22.954999999999998</c:v>
                </c:pt>
                <c:pt idx="1563">
                  <c:v>22.954999999999998</c:v>
                </c:pt>
                <c:pt idx="1564">
                  <c:v>23.004000000000001</c:v>
                </c:pt>
                <c:pt idx="1565">
                  <c:v>22.93</c:v>
                </c:pt>
                <c:pt idx="1566">
                  <c:v>23.004000000000001</c:v>
                </c:pt>
                <c:pt idx="1567">
                  <c:v>22.93</c:v>
                </c:pt>
                <c:pt idx="1568">
                  <c:v>23.004000000000001</c:v>
                </c:pt>
                <c:pt idx="1569">
                  <c:v>22.93</c:v>
                </c:pt>
                <c:pt idx="1570">
                  <c:v>23.004000000000001</c:v>
                </c:pt>
                <c:pt idx="1571">
                  <c:v>22.954999999999998</c:v>
                </c:pt>
                <c:pt idx="1572">
                  <c:v>22.954999999999998</c:v>
                </c:pt>
                <c:pt idx="1573">
                  <c:v>22.978999999999999</c:v>
                </c:pt>
                <c:pt idx="1574">
                  <c:v>23.222999999999999</c:v>
                </c:pt>
                <c:pt idx="1575">
                  <c:v>22.978999999999999</c:v>
                </c:pt>
                <c:pt idx="1576">
                  <c:v>23.004000000000001</c:v>
                </c:pt>
                <c:pt idx="1577">
                  <c:v>21.465</c:v>
                </c:pt>
                <c:pt idx="1578">
                  <c:v>21.367999999999999</c:v>
                </c:pt>
                <c:pt idx="1579">
                  <c:v>18.608000000000001</c:v>
                </c:pt>
                <c:pt idx="1580">
                  <c:v>23.248000000000001</c:v>
                </c:pt>
                <c:pt idx="1581">
                  <c:v>23.027999999999999</c:v>
                </c:pt>
                <c:pt idx="1582">
                  <c:v>23.248000000000001</c:v>
                </c:pt>
                <c:pt idx="1583">
                  <c:v>23.027999999999999</c:v>
                </c:pt>
                <c:pt idx="1584">
                  <c:v>23.248000000000001</c:v>
                </c:pt>
                <c:pt idx="1585">
                  <c:v>23.027999999999999</c:v>
                </c:pt>
                <c:pt idx="1586">
                  <c:v>23.271999999999998</c:v>
                </c:pt>
                <c:pt idx="1587">
                  <c:v>23.004000000000001</c:v>
                </c:pt>
                <c:pt idx="1588">
                  <c:v>23.271999999999998</c:v>
                </c:pt>
                <c:pt idx="1589">
                  <c:v>23.297000000000001</c:v>
                </c:pt>
                <c:pt idx="1590">
                  <c:v>23.393999999999998</c:v>
                </c:pt>
                <c:pt idx="1591">
                  <c:v>22.954999999999998</c:v>
                </c:pt>
                <c:pt idx="1592">
                  <c:v>22.954999999999998</c:v>
                </c:pt>
                <c:pt idx="1593">
                  <c:v>22.882000000000001</c:v>
                </c:pt>
                <c:pt idx="1594">
                  <c:v>22.954999999999998</c:v>
                </c:pt>
                <c:pt idx="1595">
                  <c:v>22.882000000000001</c:v>
                </c:pt>
                <c:pt idx="1596">
                  <c:v>22.93</c:v>
                </c:pt>
                <c:pt idx="1597">
                  <c:v>22.832999999999998</c:v>
                </c:pt>
                <c:pt idx="1598">
                  <c:v>23.027999999999999</c:v>
                </c:pt>
                <c:pt idx="1599">
                  <c:v>23.81</c:v>
                </c:pt>
                <c:pt idx="1600">
                  <c:v>22.1</c:v>
                </c:pt>
                <c:pt idx="1601">
                  <c:v>20.585999999999999</c:v>
                </c:pt>
                <c:pt idx="1602">
                  <c:v>20.635000000000002</c:v>
                </c:pt>
                <c:pt idx="1603">
                  <c:v>20.611000000000001</c:v>
                </c:pt>
                <c:pt idx="1604">
                  <c:v>20.658999999999999</c:v>
                </c:pt>
                <c:pt idx="1605">
                  <c:v>20.585999999999999</c:v>
                </c:pt>
                <c:pt idx="1606">
                  <c:v>20.658999999999999</c:v>
                </c:pt>
                <c:pt idx="1607">
                  <c:v>20.536999999999999</c:v>
                </c:pt>
                <c:pt idx="1608">
                  <c:v>20.684000000000001</c:v>
                </c:pt>
                <c:pt idx="1609">
                  <c:v>20.585999999999999</c:v>
                </c:pt>
                <c:pt idx="1610">
                  <c:v>20.658999999999999</c:v>
                </c:pt>
                <c:pt idx="1611">
                  <c:v>20.611000000000001</c:v>
                </c:pt>
                <c:pt idx="1612">
                  <c:v>20.658999999999999</c:v>
                </c:pt>
                <c:pt idx="1613">
                  <c:v>20.585999999999999</c:v>
                </c:pt>
                <c:pt idx="1614">
                  <c:v>20.658999999999999</c:v>
                </c:pt>
                <c:pt idx="1615">
                  <c:v>20.585999999999999</c:v>
                </c:pt>
                <c:pt idx="1616">
                  <c:v>20.635000000000002</c:v>
                </c:pt>
                <c:pt idx="1617">
                  <c:v>20.562000000000001</c:v>
                </c:pt>
                <c:pt idx="1618">
                  <c:v>20.611000000000001</c:v>
                </c:pt>
                <c:pt idx="1619">
                  <c:v>20.635000000000002</c:v>
                </c:pt>
                <c:pt idx="1620">
                  <c:v>20.684000000000001</c:v>
                </c:pt>
                <c:pt idx="1621">
                  <c:v>20.585999999999999</c:v>
                </c:pt>
                <c:pt idx="1622">
                  <c:v>20.635000000000002</c:v>
                </c:pt>
                <c:pt idx="1623">
                  <c:v>20.585999999999999</c:v>
                </c:pt>
                <c:pt idx="1624">
                  <c:v>20.635000000000002</c:v>
                </c:pt>
                <c:pt idx="1625">
                  <c:v>20.585999999999999</c:v>
                </c:pt>
                <c:pt idx="1626">
                  <c:v>20.611000000000001</c:v>
                </c:pt>
                <c:pt idx="1627">
                  <c:v>20.562000000000001</c:v>
                </c:pt>
                <c:pt idx="1628">
                  <c:v>20.635000000000002</c:v>
                </c:pt>
                <c:pt idx="1629">
                  <c:v>20.611000000000001</c:v>
                </c:pt>
                <c:pt idx="1630">
                  <c:v>20.635000000000002</c:v>
                </c:pt>
                <c:pt idx="1631">
                  <c:v>20.585999999999999</c:v>
                </c:pt>
                <c:pt idx="1632">
                  <c:v>20.658999999999999</c:v>
                </c:pt>
                <c:pt idx="1633">
                  <c:v>20.585999999999999</c:v>
                </c:pt>
                <c:pt idx="1634">
                  <c:v>20.635000000000002</c:v>
                </c:pt>
                <c:pt idx="1635">
                  <c:v>20.536999999999999</c:v>
                </c:pt>
                <c:pt idx="1636">
                  <c:v>20.635000000000002</c:v>
                </c:pt>
                <c:pt idx="1637">
                  <c:v>20.585999999999999</c:v>
                </c:pt>
                <c:pt idx="1638">
                  <c:v>20.611000000000001</c:v>
                </c:pt>
                <c:pt idx="1639">
                  <c:v>20.585999999999999</c:v>
                </c:pt>
                <c:pt idx="1640">
                  <c:v>20.658999999999999</c:v>
                </c:pt>
                <c:pt idx="1641">
                  <c:v>20.585999999999999</c:v>
                </c:pt>
                <c:pt idx="1642">
                  <c:v>20.635000000000002</c:v>
                </c:pt>
                <c:pt idx="1643">
                  <c:v>20.536999999999999</c:v>
                </c:pt>
                <c:pt idx="1644">
                  <c:v>20.635000000000002</c:v>
                </c:pt>
                <c:pt idx="1645">
                  <c:v>20.585999999999999</c:v>
                </c:pt>
                <c:pt idx="1646">
                  <c:v>20.635000000000002</c:v>
                </c:pt>
                <c:pt idx="1647">
                  <c:v>20.611000000000001</c:v>
                </c:pt>
                <c:pt idx="1648">
                  <c:v>20.635000000000002</c:v>
                </c:pt>
                <c:pt idx="1649">
                  <c:v>20.562000000000001</c:v>
                </c:pt>
                <c:pt idx="1650">
                  <c:v>20.658999999999999</c:v>
                </c:pt>
                <c:pt idx="1651">
                  <c:v>20.611000000000001</c:v>
                </c:pt>
                <c:pt idx="1652">
                  <c:v>20.635000000000002</c:v>
                </c:pt>
                <c:pt idx="1653">
                  <c:v>20.562000000000001</c:v>
                </c:pt>
                <c:pt idx="1654">
                  <c:v>20.635000000000002</c:v>
                </c:pt>
                <c:pt idx="1655">
                  <c:v>20.585999999999999</c:v>
                </c:pt>
                <c:pt idx="1656">
                  <c:v>20.635000000000002</c:v>
                </c:pt>
                <c:pt idx="1657">
                  <c:v>20.536999999999999</c:v>
                </c:pt>
                <c:pt idx="1658">
                  <c:v>20.635000000000002</c:v>
                </c:pt>
                <c:pt idx="1659">
                  <c:v>20.562000000000001</c:v>
                </c:pt>
                <c:pt idx="1660">
                  <c:v>20.658999999999999</c:v>
                </c:pt>
                <c:pt idx="1661">
                  <c:v>20.585999999999999</c:v>
                </c:pt>
                <c:pt idx="1662">
                  <c:v>20.635000000000002</c:v>
                </c:pt>
                <c:pt idx="1663">
                  <c:v>20.585999999999999</c:v>
                </c:pt>
                <c:pt idx="1664">
                  <c:v>20.635000000000002</c:v>
                </c:pt>
                <c:pt idx="1665">
                  <c:v>20.562000000000001</c:v>
                </c:pt>
                <c:pt idx="1666">
                  <c:v>20.684000000000001</c:v>
                </c:pt>
                <c:pt idx="1667">
                  <c:v>20.585999999999999</c:v>
                </c:pt>
                <c:pt idx="1668">
                  <c:v>20.611000000000001</c:v>
                </c:pt>
                <c:pt idx="1669">
                  <c:v>20.562000000000001</c:v>
                </c:pt>
                <c:pt idx="1670">
                  <c:v>20.611000000000001</c:v>
                </c:pt>
                <c:pt idx="1671">
                  <c:v>20.562000000000001</c:v>
                </c:pt>
                <c:pt idx="1672">
                  <c:v>20.611000000000001</c:v>
                </c:pt>
                <c:pt idx="1673">
                  <c:v>20.562000000000001</c:v>
                </c:pt>
                <c:pt idx="1674">
                  <c:v>20.585999999999999</c:v>
                </c:pt>
                <c:pt idx="1675">
                  <c:v>20.562000000000001</c:v>
                </c:pt>
                <c:pt idx="1676">
                  <c:v>20.611000000000001</c:v>
                </c:pt>
                <c:pt idx="1677">
                  <c:v>20.562000000000001</c:v>
                </c:pt>
                <c:pt idx="1678">
                  <c:v>20.635000000000002</c:v>
                </c:pt>
                <c:pt idx="1679">
                  <c:v>20.562000000000001</c:v>
                </c:pt>
                <c:pt idx="1680">
                  <c:v>20.635000000000002</c:v>
                </c:pt>
                <c:pt idx="1681">
                  <c:v>20.536999999999999</c:v>
                </c:pt>
                <c:pt idx="1682">
                  <c:v>20.635000000000002</c:v>
                </c:pt>
                <c:pt idx="1683">
                  <c:v>20.635000000000002</c:v>
                </c:pt>
                <c:pt idx="1684">
                  <c:v>20.635000000000002</c:v>
                </c:pt>
                <c:pt idx="1685">
                  <c:v>20.562000000000001</c:v>
                </c:pt>
                <c:pt idx="1686">
                  <c:v>20.658999999999999</c:v>
                </c:pt>
                <c:pt idx="1687">
                  <c:v>20.562000000000001</c:v>
                </c:pt>
                <c:pt idx="1688">
                  <c:v>20.635000000000002</c:v>
                </c:pt>
                <c:pt idx="1689">
                  <c:v>20.585999999999999</c:v>
                </c:pt>
                <c:pt idx="1690">
                  <c:v>20.611000000000001</c:v>
                </c:pt>
                <c:pt idx="1691">
                  <c:v>20.562000000000001</c:v>
                </c:pt>
                <c:pt idx="1692">
                  <c:v>20.611000000000001</c:v>
                </c:pt>
                <c:pt idx="1693">
                  <c:v>20.585999999999999</c:v>
                </c:pt>
                <c:pt idx="1694">
                  <c:v>20.635000000000002</c:v>
                </c:pt>
                <c:pt idx="1695">
                  <c:v>20.585999999999999</c:v>
                </c:pt>
                <c:pt idx="1696">
                  <c:v>20.684000000000001</c:v>
                </c:pt>
                <c:pt idx="1697">
                  <c:v>20.635000000000002</c:v>
                </c:pt>
                <c:pt idx="1698">
                  <c:v>20.635000000000002</c:v>
                </c:pt>
                <c:pt idx="1699">
                  <c:v>20.585999999999999</c:v>
                </c:pt>
                <c:pt idx="1700">
                  <c:v>20.684000000000001</c:v>
                </c:pt>
                <c:pt idx="1701">
                  <c:v>20.562000000000001</c:v>
                </c:pt>
                <c:pt idx="1702">
                  <c:v>20.635000000000002</c:v>
                </c:pt>
                <c:pt idx="1703">
                  <c:v>20.562000000000001</c:v>
                </c:pt>
                <c:pt idx="1704">
                  <c:v>20.635000000000002</c:v>
                </c:pt>
                <c:pt idx="1705">
                  <c:v>20.562000000000001</c:v>
                </c:pt>
                <c:pt idx="1706">
                  <c:v>20.611000000000001</c:v>
                </c:pt>
                <c:pt idx="1707">
                  <c:v>20.562000000000001</c:v>
                </c:pt>
                <c:pt idx="1708">
                  <c:v>20.635000000000002</c:v>
                </c:pt>
                <c:pt idx="1709">
                  <c:v>20.611000000000001</c:v>
                </c:pt>
                <c:pt idx="1710">
                  <c:v>20.658999999999999</c:v>
                </c:pt>
                <c:pt idx="1711">
                  <c:v>20.562000000000001</c:v>
                </c:pt>
                <c:pt idx="1712">
                  <c:v>20.585999999999999</c:v>
                </c:pt>
                <c:pt idx="1713">
                  <c:v>20.585999999999999</c:v>
                </c:pt>
                <c:pt idx="1714">
                  <c:v>20.635000000000002</c:v>
                </c:pt>
                <c:pt idx="1715">
                  <c:v>20.585999999999999</c:v>
                </c:pt>
                <c:pt idx="1716">
                  <c:v>20.658999999999999</c:v>
                </c:pt>
                <c:pt idx="1717">
                  <c:v>20.635000000000002</c:v>
                </c:pt>
                <c:pt idx="1718">
                  <c:v>20.635000000000002</c:v>
                </c:pt>
                <c:pt idx="1719">
                  <c:v>20.585999999999999</c:v>
                </c:pt>
                <c:pt idx="1720">
                  <c:v>20.635000000000002</c:v>
                </c:pt>
                <c:pt idx="1721">
                  <c:v>20.562000000000001</c:v>
                </c:pt>
                <c:pt idx="1722">
                  <c:v>20.635000000000002</c:v>
                </c:pt>
                <c:pt idx="1723">
                  <c:v>20.585999999999999</c:v>
                </c:pt>
                <c:pt idx="1724">
                  <c:v>20.635000000000002</c:v>
                </c:pt>
                <c:pt idx="1725">
                  <c:v>20.562000000000001</c:v>
                </c:pt>
                <c:pt idx="1726">
                  <c:v>20.611000000000001</c:v>
                </c:pt>
                <c:pt idx="1727">
                  <c:v>20.536999999999999</c:v>
                </c:pt>
                <c:pt idx="1728">
                  <c:v>20.635000000000002</c:v>
                </c:pt>
                <c:pt idx="1729">
                  <c:v>20.562000000000001</c:v>
                </c:pt>
                <c:pt idx="1730">
                  <c:v>20.611000000000001</c:v>
                </c:pt>
                <c:pt idx="1731">
                  <c:v>20.536999999999999</c:v>
                </c:pt>
                <c:pt idx="1732">
                  <c:v>20.635000000000002</c:v>
                </c:pt>
                <c:pt idx="1733">
                  <c:v>20.585999999999999</c:v>
                </c:pt>
                <c:pt idx="1734">
                  <c:v>20.611000000000001</c:v>
                </c:pt>
                <c:pt idx="1735">
                  <c:v>20.562000000000001</c:v>
                </c:pt>
                <c:pt idx="1736">
                  <c:v>20.635000000000002</c:v>
                </c:pt>
                <c:pt idx="1737">
                  <c:v>20.562000000000001</c:v>
                </c:pt>
                <c:pt idx="1738">
                  <c:v>20.658999999999999</c:v>
                </c:pt>
                <c:pt idx="1739">
                  <c:v>20.536999999999999</c:v>
                </c:pt>
                <c:pt idx="1740">
                  <c:v>20.635000000000002</c:v>
                </c:pt>
                <c:pt idx="1741">
                  <c:v>20.536999999999999</c:v>
                </c:pt>
                <c:pt idx="1742">
                  <c:v>20.658999999999999</c:v>
                </c:pt>
                <c:pt idx="1743">
                  <c:v>20.585999999999999</c:v>
                </c:pt>
                <c:pt idx="1744">
                  <c:v>20.658999999999999</c:v>
                </c:pt>
                <c:pt idx="1745">
                  <c:v>20.585999999999999</c:v>
                </c:pt>
                <c:pt idx="1746">
                  <c:v>20.562000000000001</c:v>
                </c:pt>
                <c:pt idx="1747">
                  <c:v>20.562000000000001</c:v>
                </c:pt>
                <c:pt idx="1748">
                  <c:v>20.635000000000002</c:v>
                </c:pt>
                <c:pt idx="1749">
                  <c:v>20.513000000000002</c:v>
                </c:pt>
                <c:pt idx="1750">
                  <c:v>20.635000000000002</c:v>
                </c:pt>
                <c:pt idx="1751">
                  <c:v>20.585999999999999</c:v>
                </c:pt>
                <c:pt idx="1752">
                  <c:v>20.635000000000002</c:v>
                </c:pt>
                <c:pt idx="1753">
                  <c:v>20.536999999999999</c:v>
                </c:pt>
                <c:pt idx="1754">
                  <c:v>20.611000000000001</c:v>
                </c:pt>
                <c:pt idx="1755">
                  <c:v>20.562000000000001</c:v>
                </c:pt>
                <c:pt idx="1756">
                  <c:v>20.635000000000002</c:v>
                </c:pt>
                <c:pt idx="1757">
                  <c:v>20.585999999999999</c:v>
                </c:pt>
                <c:pt idx="1758">
                  <c:v>20.658999999999999</c:v>
                </c:pt>
                <c:pt idx="1759">
                  <c:v>20.585999999999999</c:v>
                </c:pt>
                <c:pt idx="1760">
                  <c:v>20.658999999999999</c:v>
                </c:pt>
                <c:pt idx="1761">
                  <c:v>20.536999999999999</c:v>
                </c:pt>
                <c:pt idx="1762">
                  <c:v>20.585999999999999</c:v>
                </c:pt>
                <c:pt idx="1763">
                  <c:v>20.611000000000001</c:v>
                </c:pt>
                <c:pt idx="1764">
                  <c:v>20.658999999999999</c:v>
                </c:pt>
                <c:pt idx="1765">
                  <c:v>20.585999999999999</c:v>
                </c:pt>
                <c:pt idx="1766">
                  <c:v>20.635000000000002</c:v>
                </c:pt>
                <c:pt idx="1767">
                  <c:v>20.585999999999999</c:v>
                </c:pt>
                <c:pt idx="1768">
                  <c:v>20.658999999999999</c:v>
                </c:pt>
                <c:pt idx="1769">
                  <c:v>20.562000000000001</c:v>
                </c:pt>
                <c:pt idx="1770">
                  <c:v>20.635000000000002</c:v>
                </c:pt>
                <c:pt idx="1771">
                  <c:v>20.536999999999999</c:v>
                </c:pt>
                <c:pt idx="1772">
                  <c:v>20.611000000000001</c:v>
                </c:pt>
                <c:pt idx="1773">
                  <c:v>20.562000000000001</c:v>
                </c:pt>
                <c:pt idx="1774">
                  <c:v>20.658999999999999</c:v>
                </c:pt>
                <c:pt idx="1775">
                  <c:v>20.562000000000001</c:v>
                </c:pt>
                <c:pt idx="1776">
                  <c:v>20.611000000000001</c:v>
                </c:pt>
                <c:pt idx="1777">
                  <c:v>20.562000000000001</c:v>
                </c:pt>
                <c:pt idx="1778">
                  <c:v>20.635000000000002</c:v>
                </c:pt>
                <c:pt idx="1779">
                  <c:v>20.585999999999999</c:v>
                </c:pt>
                <c:pt idx="1780">
                  <c:v>20.658999999999999</c:v>
                </c:pt>
                <c:pt idx="1781">
                  <c:v>20.585999999999999</c:v>
                </c:pt>
                <c:pt idx="1782">
                  <c:v>20.635000000000002</c:v>
                </c:pt>
                <c:pt idx="1783">
                  <c:v>20.585999999999999</c:v>
                </c:pt>
                <c:pt idx="1784">
                  <c:v>20.611000000000001</c:v>
                </c:pt>
                <c:pt idx="1785">
                  <c:v>20.562000000000001</c:v>
                </c:pt>
                <c:pt idx="1786">
                  <c:v>20.635000000000002</c:v>
                </c:pt>
                <c:pt idx="1787">
                  <c:v>20.562000000000001</c:v>
                </c:pt>
                <c:pt idx="1788">
                  <c:v>20.635000000000002</c:v>
                </c:pt>
                <c:pt idx="1789">
                  <c:v>20.585999999999999</c:v>
                </c:pt>
                <c:pt idx="1790">
                  <c:v>20.658999999999999</c:v>
                </c:pt>
                <c:pt idx="1791">
                  <c:v>20.585999999999999</c:v>
                </c:pt>
                <c:pt idx="1792">
                  <c:v>20.611000000000001</c:v>
                </c:pt>
                <c:pt idx="1793">
                  <c:v>20.513000000000002</c:v>
                </c:pt>
                <c:pt idx="1794">
                  <c:v>20.635000000000002</c:v>
                </c:pt>
                <c:pt idx="1795">
                  <c:v>20.562000000000001</c:v>
                </c:pt>
                <c:pt idx="1796">
                  <c:v>20.611000000000001</c:v>
                </c:pt>
                <c:pt idx="1797">
                  <c:v>20.585999999999999</c:v>
                </c:pt>
                <c:pt idx="1798">
                  <c:v>20.635000000000002</c:v>
                </c:pt>
                <c:pt idx="1799">
                  <c:v>20.6110000000000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1A8C-4E19-AA88-168D55B793E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15880591"/>
        <c:axId val="2027545551"/>
      </c:scatterChart>
      <c:valAx>
        <c:axId val="1815880591"/>
        <c:scaling>
          <c:orientation val="minMax"/>
          <c:max val="1799"/>
          <c:min val="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027545551"/>
        <c:crosses val="autoZero"/>
        <c:crossBetween val="midCat"/>
      </c:valAx>
      <c:valAx>
        <c:axId val="2027545551"/>
        <c:scaling>
          <c:orientation val="minMax"/>
          <c:max val="25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815880591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751270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4660096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8892607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54824577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3919997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9074462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7082109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3654361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2077422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0149831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549578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764DE79-268F-4C1A-8933-263129D2AF90}" type="datetimeFigureOut">
              <a:rPr lang="en-US" dirty="0"/>
              <a:t>1/19/20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8F63A3B-78C7-47BE-AE5E-E10140E04643}" type="slidenum">
              <a:rPr lang="en-US" dirty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8821289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5" r:id="rId1"/>
    <p:sldLayoutId id="2147483696" r:id="rId2"/>
    <p:sldLayoutId id="2147483697" r:id="rId3"/>
    <p:sldLayoutId id="2147483698" r:id="rId4"/>
    <p:sldLayoutId id="2147483699" r:id="rId5"/>
    <p:sldLayoutId id="2147483700" r:id="rId6"/>
    <p:sldLayoutId id="2147483701" r:id="rId7"/>
    <p:sldLayoutId id="2147483702" r:id="rId8"/>
    <p:sldLayoutId id="2147483703" r:id="rId9"/>
    <p:sldLayoutId id="2147483704" r:id="rId10"/>
    <p:sldLayoutId id="2147483705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3.xml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chart" Target="../charts/chart5.xml"/><Relationship Id="rId3" Type="http://schemas.openxmlformats.org/officeDocument/2006/relationships/image" Target="../media/image5.jpeg"/><Relationship Id="rId7" Type="http://schemas.openxmlformats.org/officeDocument/2006/relationships/chart" Target="../charts/chart4.xml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.jpeg"/><Relationship Id="rId5" Type="http://schemas.openxmlformats.org/officeDocument/2006/relationships/image" Target="../media/image7.jpeg"/><Relationship Id="rId4" Type="http://schemas.openxmlformats.org/officeDocument/2006/relationships/image" Target="../media/image6.jpeg"/><Relationship Id="rId9" Type="http://schemas.openxmlformats.org/officeDocument/2006/relationships/chart" Target="../charts/char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Billede 3" descr="Et billede, der indeholder plante, urter, kompost, blad&#10;&#10;Beskrivelsen er genereret automatisk">
            <a:extLst>
              <a:ext uri="{FF2B5EF4-FFF2-40B4-BE49-F238E27FC236}">
                <a16:creationId xmlns:a16="http://schemas.microsoft.com/office/drawing/2014/main" id="{AF564B00-3B20-8E91-7FBE-0658DAF1DCC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794740" y="3810935"/>
            <a:ext cx="3135069" cy="2108161"/>
          </a:xfrm>
          <a:prstGeom prst="rect">
            <a:avLst/>
          </a:prstGeom>
        </p:spPr>
      </p:pic>
      <p:sp>
        <p:nvSpPr>
          <p:cNvPr id="5" name="Tekstfelt 4">
            <a:extLst>
              <a:ext uri="{FF2B5EF4-FFF2-40B4-BE49-F238E27FC236}">
                <a16:creationId xmlns:a16="http://schemas.microsoft.com/office/drawing/2014/main" id="{9ACB5C50-8713-4631-0992-91E9E9E7C71D}"/>
              </a:ext>
            </a:extLst>
          </p:cNvPr>
          <p:cNvSpPr txBox="1"/>
          <p:nvPr/>
        </p:nvSpPr>
        <p:spPr>
          <a:xfrm>
            <a:off x="4334227" y="3212034"/>
            <a:ext cx="2970546" cy="435475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51435" tIns="25718" rIns="51435" bIns="25718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da-DK" sz="2492">
                <a:latin typeface="Sitka Text"/>
                <a:cs typeface="Calibri"/>
              </a:rPr>
              <a:t>Smart Plant Sensor</a:t>
            </a:r>
          </a:p>
        </p:txBody>
      </p:sp>
      <p:sp>
        <p:nvSpPr>
          <p:cNvPr id="6" name="Tekstfelt 5">
            <a:extLst>
              <a:ext uri="{FF2B5EF4-FFF2-40B4-BE49-F238E27FC236}">
                <a16:creationId xmlns:a16="http://schemas.microsoft.com/office/drawing/2014/main" id="{55D701C3-1A7F-A3C1-50FC-D1B97BFA6BA0}"/>
              </a:ext>
            </a:extLst>
          </p:cNvPr>
          <p:cNvSpPr txBox="1"/>
          <p:nvPr/>
        </p:nvSpPr>
        <p:spPr>
          <a:xfrm>
            <a:off x="2381921" y="109463"/>
            <a:ext cx="6875158" cy="2926244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63305" tIns="31652" rIns="63305" bIns="31652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algn="ctr"/>
            <a:r>
              <a:rPr lang="da-DK" sz="3200">
                <a:latin typeface="Sitka Text"/>
                <a:ea typeface="+mn-lt"/>
                <a:cs typeface="+mn-lt"/>
              </a:rPr>
              <a:t>02112 Embedded Systems Programming Project</a:t>
            </a:r>
            <a:endParaRPr lang="da-DK" sz="3200">
              <a:latin typeface="Sitka Text"/>
            </a:endParaRPr>
          </a:p>
          <a:p>
            <a:pPr algn="ctr"/>
            <a:r>
              <a:rPr lang="da-DK" sz="3200">
                <a:latin typeface="Sitka Text"/>
                <a:ea typeface="+mn-lt"/>
                <a:cs typeface="+mn-lt"/>
              </a:rPr>
              <a:t> </a:t>
            </a:r>
            <a:r>
              <a:rPr lang="da-DK">
                <a:latin typeface="Sitka Text"/>
                <a:ea typeface="+mn-lt"/>
                <a:cs typeface="+mn-lt"/>
              </a:rPr>
              <a:t>Group 1: </a:t>
            </a:r>
          </a:p>
          <a:p>
            <a:pPr algn="ctr"/>
            <a:r>
              <a:rPr lang="da-DK">
                <a:latin typeface="Sitka Text"/>
                <a:ea typeface="+mn-lt"/>
                <a:cs typeface="+mn-lt"/>
              </a:rPr>
              <a:t>Bertram S235474</a:t>
            </a:r>
            <a:br>
              <a:rPr lang="da-DK">
                <a:latin typeface="Sitka Text"/>
                <a:ea typeface="+mn-lt"/>
                <a:cs typeface="+mn-lt"/>
              </a:rPr>
            </a:br>
            <a:r>
              <a:rPr lang="da-DK">
                <a:latin typeface="Sitka Text"/>
                <a:ea typeface="+mn-lt"/>
                <a:cs typeface="+mn-lt"/>
              </a:rPr>
              <a:t> Dejan S235470</a:t>
            </a:r>
            <a:br>
              <a:rPr lang="da-DK">
                <a:latin typeface="Sitka Text"/>
                <a:ea typeface="+mn-lt"/>
                <a:cs typeface="+mn-lt"/>
              </a:rPr>
            </a:br>
            <a:r>
              <a:rPr lang="da-DK">
                <a:latin typeface="Sitka Text"/>
                <a:ea typeface="+mn-lt"/>
                <a:cs typeface="+mn-lt"/>
              </a:rPr>
              <a:t>Mads S235472</a:t>
            </a:r>
            <a:br>
              <a:rPr lang="da-DK">
                <a:latin typeface="Sitka Text"/>
                <a:ea typeface="+mn-lt"/>
                <a:cs typeface="+mn-lt"/>
              </a:rPr>
            </a:br>
            <a:r>
              <a:rPr lang="da-DK">
                <a:latin typeface="Sitka Text"/>
                <a:ea typeface="+mn-lt"/>
                <a:cs typeface="+mn-lt"/>
              </a:rPr>
              <a:t> Sebastian S235475</a:t>
            </a:r>
            <a:br>
              <a:rPr lang="da-DK">
                <a:latin typeface="Sitka Text"/>
                <a:ea typeface="+mn-lt"/>
                <a:cs typeface="+mn-lt"/>
              </a:rPr>
            </a:br>
            <a:r>
              <a:rPr lang="da-DK">
                <a:latin typeface="Sitka Text"/>
                <a:cs typeface="Calibri"/>
              </a:rPr>
              <a:t>  </a:t>
            </a:r>
            <a:endParaRPr lang="da-DK">
              <a:cs typeface="Calibri"/>
            </a:endParaRPr>
          </a:p>
        </p:txBody>
      </p:sp>
      <p:pic>
        <p:nvPicPr>
          <p:cNvPr id="7" name="Billede 6" descr="Et billede, der indeholder tekst, kredsløb, elektronik, Elektroteknik&#10;&#10;Beskrivelsen er genereret automatisk">
            <a:extLst>
              <a:ext uri="{FF2B5EF4-FFF2-40B4-BE49-F238E27FC236}">
                <a16:creationId xmlns:a16="http://schemas.microsoft.com/office/drawing/2014/main" id="{779B0344-4341-E737-4EC1-C55545F2BF53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16200000">
            <a:off x="6729469" y="3595885"/>
            <a:ext cx="1727067" cy="253562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2494267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kstfelt 1">
            <a:extLst>
              <a:ext uri="{FF2B5EF4-FFF2-40B4-BE49-F238E27FC236}">
                <a16:creationId xmlns:a16="http://schemas.microsoft.com/office/drawing/2014/main" id="{DB23D52E-DC02-FD6A-4573-2CE3F32A104A}"/>
              </a:ext>
            </a:extLst>
          </p:cNvPr>
          <p:cNvSpPr txBox="1"/>
          <p:nvPr/>
        </p:nvSpPr>
        <p:spPr>
          <a:xfrm>
            <a:off x="389885" y="342080"/>
            <a:ext cx="4467921" cy="494809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63305" tIns="31652" rIns="63305" bIns="31652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197485" indent="-197485">
              <a:buFont typeface="Arial"/>
              <a:buChar char="•"/>
            </a:pPr>
            <a:r>
              <a:rPr lang="da-DK" sz="2800" err="1">
                <a:latin typeface="Sitka Text"/>
              </a:rPr>
              <a:t>Flowchart</a:t>
            </a:r>
          </a:p>
        </p:txBody>
      </p:sp>
      <p:pic>
        <p:nvPicPr>
          <p:cNvPr id="8" name="Billede 7" descr="Et billede, der indeholder tekst, diagram, skærmbillede, Plan&#10;&#10;Beskrivelsen er genereret automatisk">
            <a:extLst>
              <a:ext uri="{FF2B5EF4-FFF2-40B4-BE49-F238E27FC236}">
                <a16:creationId xmlns:a16="http://schemas.microsoft.com/office/drawing/2014/main" id="{184D6591-82B7-2246-AD97-11E127D977D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979406"/>
            <a:ext cx="12062602" cy="426658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86503172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CFA3E5B-65B1-E5A1-DB88-F715FCE8A19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36667" y="169732"/>
            <a:ext cx="10515600" cy="1325563"/>
          </a:xfrm>
        </p:spPr>
        <p:txBody>
          <a:bodyPr/>
          <a:lstStyle/>
          <a:p>
            <a:r>
              <a:rPr lang="da-DK" err="1">
                <a:cs typeface="Calibri Light"/>
              </a:rPr>
              <a:t>Datacollection</a:t>
            </a:r>
            <a:r>
              <a:rPr lang="da-DK">
                <a:cs typeface="Calibri Light"/>
              </a:rPr>
              <a:t>: Inside to </a:t>
            </a:r>
            <a:r>
              <a:rPr lang="da-DK" err="1">
                <a:cs typeface="Calibri Light"/>
              </a:rPr>
              <a:t>outside</a:t>
            </a:r>
            <a:r>
              <a:rPr lang="da-DK">
                <a:cs typeface="Calibri Light"/>
              </a:rPr>
              <a:t> (Dusk)</a:t>
            </a:r>
            <a:endParaRPr lang="da-DK"/>
          </a:p>
        </p:txBody>
      </p:sp>
      <p:graphicFrame>
        <p:nvGraphicFramePr>
          <p:cNvPr id="13" name="Chart 12">
            <a:extLst>
              <a:ext uri="{FF2B5EF4-FFF2-40B4-BE49-F238E27FC236}">
                <a16:creationId xmlns:a16="http://schemas.microsoft.com/office/drawing/2014/main" id="{4F352A82-05E9-3D97-6E9A-23E49993C176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054292303"/>
              </p:ext>
            </p:extLst>
          </p:nvPr>
        </p:nvGraphicFramePr>
        <p:xfrm>
          <a:off x="281025" y="1311405"/>
          <a:ext cx="5568950" cy="27019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4" name="Chart 13">
            <a:extLst>
              <a:ext uri="{FF2B5EF4-FFF2-40B4-BE49-F238E27FC236}">
                <a16:creationId xmlns:a16="http://schemas.microsoft.com/office/drawing/2014/main" id="{70E21E3C-DFED-3B6A-CED3-68495E78EF55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848126006"/>
              </p:ext>
            </p:extLst>
          </p:nvPr>
        </p:nvGraphicFramePr>
        <p:xfrm>
          <a:off x="287375" y="4089530"/>
          <a:ext cx="5499100" cy="26987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5" name="Chart 14">
            <a:extLst>
              <a:ext uri="{FF2B5EF4-FFF2-40B4-BE49-F238E27FC236}">
                <a16:creationId xmlns:a16="http://schemas.microsoft.com/office/drawing/2014/main" id="{56D9BC83-6E56-FD19-D5F8-1232E762A83A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128168340"/>
              </p:ext>
            </p:extLst>
          </p:nvPr>
        </p:nvGraphicFramePr>
        <p:xfrm>
          <a:off x="6033607" y="2663955"/>
          <a:ext cx="5441950" cy="26987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:p14="http://schemas.microsoft.com/office/powerpoint/2010/main" val="2967070972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CFA3E5B-65B1-E5A1-DB88-F715FCE8A19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40958" y="174217"/>
            <a:ext cx="10515600" cy="1325563"/>
          </a:xfrm>
        </p:spPr>
        <p:txBody>
          <a:bodyPr/>
          <a:lstStyle/>
          <a:p>
            <a:r>
              <a:rPr lang="da-DK" err="1">
                <a:cs typeface="Calibri Light"/>
              </a:rPr>
              <a:t>Datacollection</a:t>
            </a:r>
            <a:r>
              <a:rPr lang="da-DK">
                <a:cs typeface="Calibri Light"/>
              </a:rPr>
              <a:t>: </a:t>
            </a:r>
            <a:r>
              <a:rPr lang="da-DK" err="1">
                <a:cs typeface="Calibri Light"/>
              </a:rPr>
              <a:t>Outside</a:t>
            </a:r>
            <a:r>
              <a:rPr lang="da-DK">
                <a:cs typeface="Calibri Light"/>
              </a:rPr>
              <a:t> to </a:t>
            </a:r>
            <a:r>
              <a:rPr lang="da-DK" err="1">
                <a:cs typeface="Calibri Light"/>
              </a:rPr>
              <a:t>inside</a:t>
            </a:r>
            <a:endParaRPr lang="da-DK"/>
          </a:p>
        </p:txBody>
      </p:sp>
      <p:pic>
        <p:nvPicPr>
          <p:cNvPr id="4" name="Pladsholder til indhold 3" descr="Et billede, der indeholder elektronik, Elektroteknik, Kredsløbskomponent, Elektronisk komponent&#10;&#10;Beskrivelsen er genereret automatisk">
            <a:extLst>
              <a:ext uri="{FF2B5EF4-FFF2-40B4-BE49-F238E27FC236}">
                <a16:creationId xmlns:a16="http://schemas.microsoft.com/office/drawing/2014/main" id="{386BDC41-CE37-A7C6-7565-52EB20ECC421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 rotWithShape="1">
          <a:blip r:embed="rId2"/>
          <a:srcRect l="33769" t="26356" r="31660" b="26781"/>
          <a:stretch/>
        </p:blipFill>
        <p:spPr>
          <a:xfrm>
            <a:off x="9072461" y="4341002"/>
            <a:ext cx="1889306" cy="1928328"/>
          </a:xfrm>
        </p:spPr>
      </p:pic>
      <p:pic>
        <p:nvPicPr>
          <p:cNvPr id="5" name="Billede 4">
            <a:extLst>
              <a:ext uri="{FF2B5EF4-FFF2-40B4-BE49-F238E27FC236}">
                <a16:creationId xmlns:a16="http://schemas.microsoft.com/office/drawing/2014/main" id="{598EDD91-F3ED-C6A2-6A94-91F8027F76FB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34209" t="23432" r="32440" b="31653"/>
          <a:stretch/>
        </p:blipFill>
        <p:spPr>
          <a:xfrm>
            <a:off x="8161171" y="786726"/>
            <a:ext cx="1822580" cy="1848191"/>
          </a:xfrm>
          <a:prstGeom prst="rect">
            <a:avLst/>
          </a:prstGeom>
        </p:spPr>
      </p:pic>
      <p:pic>
        <p:nvPicPr>
          <p:cNvPr id="6" name="Billede 5">
            <a:extLst>
              <a:ext uri="{FF2B5EF4-FFF2-40B4-BE49-F238E27FC236}">
                <a16:creationId xmlns:a16="http://schemas.microsoft.com/office/drawing/2014/main" id="{FB5D0DE6-8FBE-2EDB-04D9-E920D69854EB}"/>
              </a:ext>
            </a:extLst>
          </p:cNvPr>
          <p:cNvPicPr>
            <a:picLocks noChangeAspect="1"/>
          </p:cNvPicPr>
          <p:nvPr/>
        </p:nvPicPr>
        <p:blipFill rotWithShape="1">
          <a:blip r:embed="rId4"/>
          <a:srcRect l="32072" t="23552" r="31163" b="29737"/>
          <a:stretch/>
        </p:blipFill>
        <p:spPr>
          <a:xfrm>
            <a:off x="9983752" y="786725"/>
            <a:ext cx="1945618" cy="1861287"/>
          </a:xfrm>
          <a:prstGeom prst="rect">
            <a:avLst/>
          </a:prstGeom>
        </p:spPr>
      </p:pic>
      <p:pic>
        <p:nvPicPr>
          <p:cNvPr id="7" name="Billede 6">
            <a:extLst>
              <a:ext uri="{FF2B5EF4-FFF2-40B4-BE49-F238E27FC236}">
                <a16:creationId xmlns:a16="http://schemas.microsoft.com/office/drawing/2014/main" id="{75134D20-4CDB-EB54-2EF1-CE364A724A6E}"/>
              </a:ext>
            </a:extLst>
          </p:cNvPr>
          <p:cNvPicPr>
            <a:picLocks noChangeAspect="1"/>
          </p:cNvPicPr>
          <p:nvPr/>
        </p:nvPicPr>
        <p:blipFill rotWithShape="1">
          <a:blip r:embed="rId5"/>
          <a:srcRect l="30536" t="18613" r="30991" b="33458"/>
          <a:stretch/>
        </p:blipFill>
        <p:spPr>
          <a:xfrm>
            <a:off x="8161171" y="2623934"/>
            <a:ext cx="1830549" cy="1717068"/>
          </a:xfrm>
          <a:prstGeom prst="rect">
            <a:avLst/>
          </a:prstGeom>
        </p:spPr>
      </p:pic>
      <p:pic>
        <p:nvPicPr>
          <p:cNvPr id="8" name="Billede 7">
            <a:extLst>
              <a:ext uri="{FF2B5EF4-FFF2-40B4-BE49-F238E27FC236}">
                <a16:creationId xmlns:a16="http://schemas.microsoft.com/office/drawing/2014/main" id="{7C23E509-FC89-5A1B-5BE8-75C48B310547}"/>
              </a:ext>
            </a:extLst>
          </p:cNvPr>
          <p:cNvPicPr>
            <a:picLocks noChangeAspect="1"/>
          </p:cNvPicPr>
          <p:nvPr/>
        </p:nvPicPr>
        <p:blipFill rotWithShape="1">
          <a:blip r:embed="rId6"/>
          <a:srcRect l="29925" t="17720" r="29896" b="32608"/>
          <a:stretch/>
        </p:blipFill>
        <p:spPr>
          <a:xfrm>
            <a:off x="9983750" y="2531738"/>
            <a:ext cx="1945617" cy="1811013"/>
          </a:xfrm>
          <a:prstGeom prst="rect">
            <a:avLst/>
          </a:prstGeom>
        </p:spPr>
      </p:pic>
      <p:graphicFrame>
        <p:nvGraphicFramePr>
          <p:cNvPr id="3" name="Chart 2">
            <a:extLst>
              <a:ext uri="{FF2B5EF4-FFF2-40B4-BE49-F238E27FC236}">
                <a16:creationId xmlns:a16="http://schemas.microsoft.com/office/drawing/2014/main" id="{0F4A648E-C3A2-52BF-AD71-1C31080D4A77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935181734"/>
              </p:ext>
            </p:extLst>
          </p:nvPr>
        </p:nvGraphicFramePr>
        <p:xfrm>
          <a:off x="441649" y="1379505"/>
          <a:ext cx="5010150" cy="27019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graphicFrame>
        <p:nvGraphicFramePr>
          <p:cNvPr id="9" name="Chart 8">
            <a:extLst>
              <a:ext uri="{FF2B5EF4-FFF2-40B4-BE49-F238E27FC236}">
                <a16:creationId xmlns:a16="http://schemas.microsoft.com/office/drawing/2014/main" id="{415DC47C-EF85-CAC9-728C-22ADA258B66B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544960276"/>
              </p:ext>
            </p:extLst>
          </p:nvPr>
        </p:nvGraphicFramePr>
        <p:xfrm>
          <a:off x="451174" y="4081430"/>
          <a:ext cx="4991100" cy="27019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graphicFrame>
        <p:nvGraphicFramePr>
          <p:cNvPr id="10" name="Chart 9">
            <a:extLst>
              <a:ext uri="{FF2B5EF4-FFF2-40B4-BE49-F238E27FC236}">
                <a16:creationId xmlns:a16="http://schemas.microsoft.com/office/drawing/2014/main" id="{B0703C02-AC82-E267-BB8B-B7D047EB9605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068359308"/>
              </p:ext>
            </p:extLst>
          </p:nvPr>
        </p:nvGraphicFramePr>
        <p:xfrm>
          <a:off x="5722774" y="4468228"/>
          <a:ext cx="3210235" cy="192832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9"/>
          </a:graphicData>
        </a:graphic>
      </p:graphicFrame>
    </p:spTree>
    <p:extLst>
      <p:ext uri="{BB962C8B-B14F-4D97-AF65-F5344CB8AC3E}">
        <p14:creationId xmlns:p14="http://schemas.microsoft.com/office/powerpoint/2010/main" val="838079200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kstfelt 2">
            <a:extLst>
              <a:ext uri="{FF2B5EF4-FFF2-40B4-BE49-F238E27FC236}">
                <a16:creationId xmlns:a16="http://schemas.microsoft.com/office/drawing/2014/main" id="{8C0269A2-A1D3-B2E3-6EAB-AF93FD140688}"/>
              </a:ext>
            </a:extLst>
          </p:cNvPr>
          <p:cNvSpPr txBox="1"/>
          <p:nvPr/>
        </p:nvSpPr>
        <p:spPr>
          <a:xfrm>
            <a:off x="238605" y="168389"/>
            <a:ext cx="3571450" cy="494809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63305" tIns="31652" rIns="63305" bIns="31652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197485" indent="-197485">
              <a:buFont typeface="Arial"/>
              <a:buChar char="•"/>
            </a:pPr>
            <a:r>
              <a:rPr lang="da-DK" sz="2800">
                <a:latin typeface="Sitka Text"/>
              </a:rPr>
              <a:t>Core </a:t>
            </a:r>
            <a:r>
              <a:rPr lang="da-DK" sz="2800" err="1">
                <a:latin typeface="Sitka Text"/>
              </a:rPr>
              <a:t>Functionality</a:t>
            </a:r>
            <a:endParaRPr lang="da-DK" sz="2800">
              <a:latin typeface="Sitka Text"/>
            </a:endParaRPr>
          </a:p>
        </p:txBody>
      </p:sp>
      <p:sp>
        <p:nvSpPr>
          <p:cNvPr id="4" name="Tekstfelt 3">
            <a:extLst>
              <a:ext uri="{FF2B5EF4-FFF2-40B4-BE49-F238E27FC236}">
                <a16:creationId xmlns:a16="http://schemas.microsoft.com/office/drawing/2014/main" id="{B4AF0C2B-4897-E5F4-31CC-8D0A1B331DFA}"/>
              </a:ext>
            </a:extLst>
          </p:cNvPr>
          <p:cNvSpPr txBox="1"/>
          <p:nvPr/>
        </p:nvSpPr>
        <p:spPr>
          <a:xfrm>
            <a:off x="209130" y="905074"/>
            <a:ext cx="3707394" cy="1583569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63305" tIns="31652" rIns="63305" bIns="31652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513715" lvl="1" indent="-197485">
              <a:buFont typeface="Courier New"/>
              <a:buChar char="o"/>
            </a:pPr>
            <a:r>
              <a:rPr lang="da-DK" sz="1246">
                <a:latin typeface="Sitka Text"/>
              </a:rPr>
              <a:t>Air Sensor</a:t>
            </a:r>
            <a:endParaRPr lang="da-DK"/>
          </a:p>
          <a:p>
            <a:pPr marL="830580" lvl="2" indent="-197485">
              <a:buFont typeface="Wingdings"/>
              <a:buChar char="§"/>
            </a:pPr>
            <a:r>
              <a:rPr lang="da-DK" sz="1246">
                <a:latin typeface="Sitka Text"/>
              </a:rPr>
              <a:t>Air </a:t>
            </a:r>
            <a:r>
              <a:rPr lang="da-DK" sz="1246" err="1">
                <a:latin typeface="Sitka Text"/>
              </a:rPr>
              <a:t>Temperature</a:t>
            </a:r>
            <a:r>
              <a:rPr lang="da-DK" sz="1246">
                <a:latin typeface="Sitka Text"/>
              </a:rPr>
              <a:t> and Air </a:t>
            </a:r>
            <a:r>
              <a:rPr lang="da-DK" sz="1246" err="1">
                <a:latin typeface="Sitka Text"/>
              </a:rPr>
              <a:t>Humidity</a:t>
            </a:r>
            <a:endParaRPr lang="da-DK" sz="1246">
              <a:latin typeface="Sitka Text"/>
            </a:endParaRPr>
          </a:p>
          <a:p>
            <a:pPr marL="513715" lvl="1" indent="-197485">
              <a:buFont typeface="Courier New"/>
              <a:buChar char="o"/>
            </a:pPr>
            <a:r>
              <a:rPr lang="da-DK" sz="1246" err="1">
                <a:latin typeface="Sitka Text"/>
              </a:rPr>
              <a:t>Soil</a:t>
            </a:r>
            <a:r>
              <a:rPr lang="da-DK" sz="1246">
                <a:latin typeface="Sitka Text"/>
              </a:rPr>
              <a:t> Sensor</a:t>
            </a:r>
          </a:p>
          <a:p>
            <a:pPr marL="830580" lvl="2" indent="-197485">
              <a:buFont typeface="Wingdings"/>
              <a:buChar char="§"/>
            </a:pPr>
            <a:r>
              <a:rPr lang="da-DK" sz="1246" err="1">
                <a:latin typeface="Sitka Text"/>
              </a:rPr>
              <a:t>Soil</a:t>
            </a:r>
            <a:r>
              <a:rPr lang="da-DK" sz="1246">
                <a:latin typeface="Sitka Text"/>
              </a:rPr>
              <a:t> </a:t>
            </a:r>
            <a:r>
              <a:rPr lang="da-DK" sz="1246" err="1">
                <a:latin typeface="Sitka Text"/>
              </a:rPr>
              <a:t>Temperature</a:t>
            </a:r>
            <a:r>
              <a:rPr lang="da-DK" sz="1246">
                <a:latin typeface="Sitka Text"/>
              </a:rPr>
              <a:t> and </a:t>
            </a:r>
            <a:r>
              <a:rPr lang="da-DK" sz="1246" err="1">
                <a:latin typeface="Sitka Text"/>
              </a:rPr>
              <a:t>Soil</a:t>
            </a:r>
            <a:r>
              <a:rPr lang="da-DK" sz="1246">
                <a:latin typeface="Sitka Text"/>
              </a:rPr>
              <a:t> </a:t>
            </a:r>
            <a:r>
              <a:rPr lang="da-DK" sz="1246" err="1">
                <a:latin typeface="Sitka Text"/>
              </a:rPr>
              <a:t>Humidity</a:t>
            </a:r>
            <a:endParaRPr lang="da-DK" sz="1246">
              <a:latin typeface="Sitka Text"/>
            </a:endParaRPr>
          </a:p>
          <a:p>
            <a:pPr marL="513715" lvl="1" indent="-197485">
              <a:buFont typeface="Courier New"/>
              <a:buChar char="o"/>
            </a:pPr>
            <a:r>
              <a:rPr lang="da-DK" sz="1246">
                <a:latin typeface="Sitka Text"/>
              </a:rPr>
              <a:t>Light Sensor</a:t>
            </a:r>
          </a:p>
          <a:p>
            <a:pPr marL="513715" lvl="1" indent="-197485">
              <a:buFont typeface="Courier New"/>
              <a:buChar char="o"/>
            </a:pPr>
            <a:r>
              <a:rPr lang="da-DK" sz="1246">
                <a:latin typeface="Sitka Text"/>
              </a:rPr>
              <a:t>Buzzer</a:t>
            </a:r>
          </a:p>
          <a:p>
            <a:pPr marL="513715" lvl="1" indent="-197485">
              <a:buFont typeface="Courier New"/>
              <a:buChar char="o"/>
            </a:pPr>
            <a:r>
              <a:rPr lang="da-DK" sz="1200" err="1">
                <a:latin typeface="Sitka Text"/>
              </a:rPr>
              <a:t>Error</a:t>
            </a:r>
            <a:r>
              <a:rPr lang="da-DK" sz="1200">
                <a:latin typeface="Sitka Text"/>
              </a:rPr>
              <a:t> </a:t>
            </a:r>
            <a:r>
              <a:rPr lang="da-DK" sz="1200" err="1">
                <a:latin typeface="Sitka Text"/>
              </a:rPr>
              <a:t>code</a:t>
            </a:r>
            <a:r>
              <a:rPr lang="da-DK" sz="1200">
                <a:latin typeface="Sitka Text"/>
              </a:rPr>
              <a:t> LED</a:t>
            </a:r>
          </a:p>
          <a:p>
            <a:pPr marL="316230" lvl="1"/>
            <a:endParaRPr lang="da-DK" sz="1200">
              <a:latin typeface="Sitka Text"/>
            </a:endParaRPr>
          </a:p>
        </p:txBody>
      </p:sp>
      <p:sp>
        <p:nvSpPr>
          <p:cNvPr id="5" name="Tekstfelt 4">
            <a:extLst>
              <a:ext uri="{FF2B5EF4-FFF2-40B4-BE49-F238E27FC236}">
                <a16:creationId xmlns:a16="http://schemas.microsoft.com/office/drawing/2014/main" id="{4A3E632F-3BE3-868D-0C51-38629E04CF99}"/>
              </a:ext>
            </a:extLst>
          </p:cNvPr>
          <p:cNvSpPr txBox="1"/>
          <p:nvPr/>
        </p:nvSpPr>
        <p:spPr>
          <a:xfrm>
            <a:off x="626648" y="2572413"/>
            <a:ext cx="3902308" cy="1541250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63305" tIns="31652" rIns="63305" bIns="31652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da-DK" sz="1200">
                <a:latin typeface="Sitka Text"/>
                <a:cs typeface="Calibri" panose="020F0502020204030204"/>
              </a:rPr>
              <a:t>By </a:t>
            </a:r>
            <a:r>
              <a:rPr lang="da-DK" sz="1200" err="1">
                <a:latin typeface="Sitka Text"/>
                <a:cs typeface="Calibri" panose="020F0502020204030204"/>
              </a:rPr>
              <a:t>cycling</a:t>
            </a:r>
            <a:r>
              <a:rPr lang="da-DK" sz="1200">
                <a:latin typeface="Sitka Text"/>
                <a:cs typeface="Calibri" panose="020F0502020204030204"/>
              </a:rPr>
              <a:t> </a:t>
            </a:r>
            <a:r>
              <a:rPr lang="da-DK" sz="1200" err="1">
                <a:latin typeface="Sitka Text"/>
                <a:cs typeface="Calibri" panose="020F0502020204030204"/>
              </a:rPr>
              <a:t>between</a:t>
            </a:r>
            <a:r>
              <a:rPr lang="da-DK" sz="1200">
                <a:latin typeface="Sitka Text"/>
                <a:cs typeface="Calibri" panose="020F0502020204030204"/>
              </a:rPr>
              <a:t> the </a:t>
            </a:r>
            <a:r>
              <a:rPr lang="da-DK" sz="1200" err="1">
                <a:latin typeface="Sitka Text"/>
                <a:cs typeface="Calibri" panose="020F0502020204030204"/>
              </a:rPr>
              <a:t>different</a:t>
            </a:r>
            <a:r>
              <a:rPr lang="da-DK" sz="1200">
                <a:latin typeface="Sitka Text"/>
                <a:cs typeface="Calibri" panose="020F0502020204030204"/>
              </a:rPr>
              <a:t> display menus the user </a:t>
            </a:r>
            <a:r>
              <a:rPr lang="da-DK" sz="1200" err="1">
                <a:latin typeface="Sitka Text"/>
                <a:cs typeface="Calibri" panose="020F0502020204030204"/>
              </a:rPr>
              <a:t>can</a:t>
            </a:r>
            <a:r>
              <a:rPr lang="da-DK" sz="1200">
                <a:latin typeface="Sitka Text"/>
                <a:cs typeface="Calibri" panose="020F0502020204030204"/>
              </a:rPr>
              <a:t> find </a:t>
            </a:r>
            <a:r>
              <a:rPr lang="da-DK" sz="1200" err="1">
                <a:latin typeface="Sitka Text"/>
                <a:cs typeface="Calibri" panose="020F0502020204030204"/>
              </a:rPr>
              <a:t>detailed</a:t>
            </a:r>
            <a:r>
              <a:rPr lang="da-DK" sz="1200">
                <a:latin typeface="Sitka Text"/>
                <a:cs typeface="Calibri" panose="020F0502020204030204"/>
              </a:rPr>
              <a:t> information </a:t>
            </a:r>
            <a:r>
              <a:rPr lang="da-DK" sz="1200" err="1">
                <a:latin typeface="Sitka Text"/>
                <a:cs typeface="Calibri" panose="020F0502020204030204"/>
              </a:rPr>
              <a:t>about</a:t>
            </a:r>
            <a:r>
              <a:rPr lang="da-DK" sz="1200">
                <a:latin typeface="Sitka Text"/>
                <a:cs typeface="Calibri" panose="020F0502020204030204"/>
              </a:rPr>
              <a:t> the sensor outputs over time</a:t>
            </a:r>
          </a:p>
          <a:p>
            <a:endParaRPr lang="da-DK" sz="1200">
              <a:latin typeface="Sitka Text"/>
              <a:cs typeface="Calibri" panose="020F0502020204030204"/>
            </a:endParaRPr>
          </a:p>
          <a:p>
            <a:r>
              <a:rPr lang="da-DK" sz="1200">
                <a:latin typeface="Sitka Text"/>
                <a:cs typeface="Calibri" panose="020F0502020204030204"/>
              </a:rPr>
              <a:t>By </a:t>
            </a:r>
            <a:r>
              <a:rPr lang="da-DK" sz="1200" err="1">
                <a:latin typeface="Sitka Text"/>
                <a:cs typeface="Calibri" panose="020F0502020204030204"/>
              </a:rPr>
              <a:t>pressing</a:t>
            </a:r>
            <a:r>
              <a:rPr lang="da-DK" sz="1200">
                <a:latin typeface="Sitka Text"/>
                <a:cs typeface="Calibri" panose="020F0502020204030204"/>
              </a:rPr>
              <a:t> the Enter </a:t>
            </a:r>
            <a:r>
              <a:rPr lang="da-DK" sz="1200" err="1">
                <a:latin typeface="Sitka Text"/>
                <a:cs typeface="Calibri" panose="020F0502020204030204"/>
              </a:rPr>
              <a:t>button</a:t>
            </a:r>
            <a:r>
              <a:rPr lang="da-DK" sz="1200">
                <a:latin typeface="Sitka Text"/>
                <a:cs typeface="Calibri" panose="020F0502020204030204"/>
              </a:rPr>
              <a:t> the user </a:t>
            </a:r>
            <a:r>
              <a:rPr lang="da-DK" sz="1200" err="1">
                <a:latin typeface="Sitka Text"/>
                <a:cs typeface="Calibri" panose="020F0502020204030204"/>
              </a:rPr>
              <a:t>can</a:t>
            </a:r>
            <a:r>
              <a:rPr lang="da-DK" sz="1200">
                <a:latin typeface="Sitka Text"/>
                <a:cs typeface="Calibri" panose="020F0502020204030204"/>
              </a:rPr>
              <a:t> run </a:t>
            </a:r>
            <a:r>
              <a:rPr lang="da-DK" sz="1200" err="1">
                <a:latin typeface="Sitka Text"/>
                <a:cs typeface="Calibri" panose="020F0502020204030204"/>
              </a:rPr>
              <a:t>experiments</a:t>
            </a:r>
            <a:r>
              <a:rPr lang="da-DK" sz="1200">
                <a:latin typeface="Sitka Text"/>
                <a:cs typeface="Calibri" panose="020F0502020204030204"/>
              </a:rPr>
              <a:t> for </a:t>
            </a:r>
            <a:r>
              <a:rPr lang="da-DK" sz="1200" err="1">
                <a:latin typeface="Sitka Text"/>
                <a:cs typeface="Calibri" panose="020F0502020204030204"/>
              </a:rPr>
              <a:t>different</a:t>
            </a:r>
            <a:r>
              <a:rPr lang="da-DK" sz="1200">
                <a:latin typeface="Sitka Text"/>
                <a:cs typeface="Calibri" panose="020F0502020204030204"/>
              </a:rPr>
              <a:t> </a:t>
            </a:r>
            <a:r>
              <a:rPr lang="da-DK" sz="1200" err="1">
                <a:latin typeface="Sitka Text"/>
                <a:cs typeface="Calibri" panose="020F0502020204030204"/>
              </a:rPr>
              <a:t>durations</a:t>
            </a:r>
            <a:r>
              <a:rPr lang="da-DK" sz="1200">
                <a:latin typeface="Sitka Text"/>
                <a:cs typeface="Calibri" panose="020F0502020204030204"/>
              </a:rPr>
              <a:t> to </a:t>
            </a:r>
            <a:r>
              <a:rPr lang="da-DK" sz="1200" err="1">
                <a:latin typeface="Sitka Text"/>
                <a:cs typeface="Calibri" panose="020F0502020204030204"/>
              </a:rPr>
              <a:t>get</a:t>
            </a:r>
            <a:r>
              <a:rPr lang="da-DK" sz="1200">
                <a:latin typeface="Sitka Text"/>
                <a:cs typeface="Calibri" panose="020F0502020204030204"/>
              </a:rPr>
              <a:t> average </a:t>
            </a:r>
            <a:r>
              <a:rPr lang="da-DK" sz="1200" err="1">
                <a:latin typeface="Sitka Text"/>
                <a:cs typeface="Calibri" panose="020F0502020204030204"/>
              </a:rPr>
              <a:t>values</a:t>
            </a:r>
            <a:r>
              <a:rPr lang="da-DK" sz="1200">
                <a:latin typeface="Sitka Text"/>
                <a:cs typeface="Calibri" panose="020F0502020204030204"/>
              </a:rPr>
              <a:t> for all the sensors</a:t>
            </a:r>
          </a:p>
          <a:p>
            <a:endParaRPr lang="da-DK" sz="1200">
              <a:latin typeface="Sitka Text"/>
              <a:cs typeface="Calibri" panose="020F0502020204030204"/>
            </a:endParaRP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3FE304B0-E888-3BBF-1707-C5C3BD66B67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320268" y="553520"/>
            <a:ext cx="4963218" cy="137179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9224954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kstfelt 2">
            <a:extLst>
              <a:ext uri="{FF2B5EF4-FFF2-40B4-BE49-F238E27FC236}">
                <a16:creationId xmlns:a16="http://schemas.microsoft.com/office/drawing/2014/main" id="{5D1AF2B8-EC72-553A-E96E-A46C4F429066}"/>
              </a:ext>
            </a:extLst>
          </p:cNvPr>
          <p:cNvSpPr txBox="1"/>
          <p:nvPr/>
        </p:nvSpPr>
        <p:spPr>
          <a:xfrm>
            <a:off x="277826" y="235624"/>
            <a:ext cx="3229671" cy="494809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63305" tIns="31652" rIns="63305" bIns="31652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197485" indent="-197485">
              <a:buFont typeface="Arial"/>
              <a:buChar char="•"/>
            </a:pPr>
            <a:r>
              <a:rPr lang="da-DK" sz="2800" err="1">
                <a:latin typeface="Sitka Text"/>
              </a:rPr>
              <a:t>Error</a:t>
            </a:r>
            <a:r>
              <a:rPr lang="da-DK" sz="2800">
                <a:latin typeface="Sitka Text"/>
              </a:rPr>
              <a:t> </a:t>
            </a:r>
            <a:r>
              <a:rPr lang="da-DK" sz="2800" err="1">
                <a:latin typeface="Sitka Text"/>
              </a:rPr>
              <a:t>codes</a:t>
            </a:r>
            <a:endParaRPr lang="da-DK" sz="2800">
              <a:latin typeface="Sitka Text"/>
            </a:endParaRPr>
          </a:p>
        </p:txBody>
      </p:sp>
      <p:sp>
        <p:nvSpPr>
          <p:cNvPr id="5" name="Tekstfelt 4">
            <a:extLst>
              <a:ext uri="{FF2B5EF4-FFF2-40B4-BE49-F238E27FC236}">
                <a16:creationId xmlns:a16="http://schemas.microsoft.com/office/drawing/2014/main" id="{5393F1D0-A6FB-CB5F-B84D-712C299BB80F}"/>
              </a:ext>
            </a:extLst>
          </p:cNvPr>
          <p:cNvSpPr txBox="1"/>
          <p:nvPr/>
        </p:nvSpPr>
        <p:spPr>
          <a:xfrm>
            <a:off x="275748" y="865853"/>
            <a:ext cx="4542231" cy="4609397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63305" tIns="31652" rIns="63305" bIns="31652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513715" lvl="1" indent="-197485">
              <a:buFont typeface="Courier New"/>
              <a:buChar char="o"/>
            </a:pPr>
            <a:r>
              <a:rPr lang="da-DK" sz="1246" err="1">
                <a:latin typeface="Sitka Text"/>
              </a:rPr>
              <a:t>When</a:t>
            </a:r>
            <a:r>
              <a:rPr lang="da-DK" sz="1246">
                <a:latin typeface="Sitka Text"/>
              </a:rPr>
              <a:t> the </a:t>
            </a:r>
            <a:r>
              <a:rPr lang="da-DK" sz="1246" err="1">
                <a:latin typeface="Sitka Text"/>
              </a:rPr>
              <a:t>device</a:t>
            </a:r>
            <a:r>
              <a:rPr lang="da-DK" sz="1246">
                <a:latin typeface="Sitka Text"/>
              </a:rPr>
              <a:t> is </a:t>
            </a:r>
            <a:r>
              <a:rPr lang="da-DK" sz="1246" err="1">
                <a:latin typeface="Sitka Text"/>
              </a:rPr>
              <a:t>powered</a:t>
            </a:r>
            <a:r>
              <a:rPr lang="da-DK" sz="1246">
                <a:latin typeface="Sitka Text"/>
              </a:rPr>
              <a:t> on the RBG Led </a:t>
            </a:r>
            <a:r>
              <a:rPr lang="da-DK" sz="1246" err="1">
                <a:latin typeface="Sitka Text"/>
              </a:rPr>
              <a:t>will</a:t>
            </a:r>
            <a:r>
              <a:rPr lang="da-DK" sz="1246">
                <a:latin typeface="Sitka Text"/>
              </a:rPr>
              <a:t> flash light of </a:t>
            </a:r>
            <a:r>
              <a:rPr lang="da-DK" sz="1246" err="1">
                <a:latin typeface="Sitka Text"/>
              </a:rPr>
              <a:t>different</a:t>
            </a:r>
            <a:r>
              <a:rPr lang="da-DK" sz="1246">
                <a:latin typeface="Sitka Text"/>
              </a:rPr>
              <a:t> </a:t>
            </a:r>
            <a:r>
              <a:rPr lang="da-DK" sz="1246" err="1">
                <a:latin typeface="Sitka Text"/>
              </a:rPr>
              <a:t>colors</a:t>
            </a:r>
            <a:r>
              <a:rPr lang="da-DK" sz="1246">
                <a:latin typeface="Sitka Text"/>
              </a:rPr>
              <a:t> to </a:t>
            </a:r>
            <a:r>
              <a:rPr lang="da-DK" sz="1246" err="1">
                <a:latin typeface="Sitka Text"/>
              </a:rPr>
              <a:t>indicate</a:t>
            </a:r>
            <a:r>
              <a:rPr lang="da-DK" sz="1246">
                <a:latin typeface="Sitka Text"/>
              </a:rPr>
              <a:t> </a:t>
            </a:r>
            <a:r>
              <a:rPr lang="da-DK" sz="1246" err="1">
                <a:latin typeface="Sitka Text"/>
              </a:rPr>
              <a:t>that</a:t>
            </a:r>
            <a:r>
              <a:rPr lang="da-DK" sz="1246">
                <a:latin typeface="Sitka Text"/>
              </a:rPr>
              <a:t> </a:t>
            </a:r>
            <a:r>
              <a:rPr lang="da-DK" sz="1246" err="1">
                <a:latin typeface="Sitka Text"/>
              </a:rPr>
              <a:t>some</a:t>
            </a:r>
            <a:r>
              <a:rPr lang="da-DK" sz="1246">
                <a:latin typeface="Sitka Text"/>
              </a:rPr>
              <a:t> </a:t>
            </a:r>
            <a:r>
              <a:rPr lang="da-DK" sz="1246" err="1">
                <a:latin typeface="Sitka Text"/>
              </a:rPr>
              <a:t>values</a:t>
            </a:r>
            <a:r>
              <a:rPr lang="da-DK" sz="1246">
                <a:latin typeface="Sitka Text"/>
              </a:rPr>
              <a:t> </a:t>
            </a:r>
            <a:r>
              <a:rPr lang="da-DK" sz="1246" err="1">
                <a:latin typeface="Sitka Text"/>
              </a:rPr>
              <a:t>are</a:t>
            </a:r>
            <a:r>
              <a:rPr lang="da-DK" sz="1246">
                <a:latin typeface="Sitka Text"/>
              </a:rPr>
              <a:t> out of the acceptable intervals</a:t>
            </a:r>
            <a:endParaRPr lang="da-DK"/>
          </a:p>
          <a:p>
            <a:pPr marL="830580" lvl="2" indent="-197485">
              <a:buFont typeface="Wingdings"/>
              <a:buChar char="§"/>
            </a:pPr>
            <a:r>
              <a:rPr lang="da-DK" sz="1200">
                <a:highlight>
                  <a:srgbClr val="FF0000"/>
                </a:highlight>
                <a:latin typeface="Sitka Text"/>
              </a:rPr>
              <a:t>RED</a:t>
            </a:r>
          </a:p>
          <a:p>
            <a:pPr marL="1287780" lvl="3" indent="-197485">
              <a:buFont typeface="Arial"/>
              <a:buChar char="•"/>
            </a:pPr>
            <a:r>
              <a:rPr lang="da-DK" sz="1200">
                <a:latin typeface="Sitka Text"/>
              </a:rPr>
              <a:t>Air </a:t>
            </a:r>
            <a:r>
              <a:rPr lang="da-DK" sz="1200" err="1">
                <a:latin typeface="Sitka Text"/>
              </a:rPr>
              <a:t>temperature</a:t>
            </a:r>
            <a:r>
              <a:rPr lang="da-DK" sz="1200">
                <a:latin typeface="Sitka Text"/>
              </a:rPr>
              <a:t> is out of </a:t>
            </a:r>
            <a:r>
              <a:rPr lang="da-DK" sz="1200" err="1">
                <a:latin typeface="Sitka Text"/>
              </a:rPr>
              <a:t>desired</a:t>
            </a:r>
            <a:r>
              <a:rPr lang="da-DK" sz="1200">
                <a:latin typeface="Sitka Text"/>
              </a:rPr>
              <a:t> range</a:t>
            </a:r>
          </a:p>
          <a:p>
            <a:pPr marL="1090295" lvl="3"/>
            <a:endParaRPr lang="da-DK">
              <a:cs typeface="Calibri" panose="020F0502020204030204"/>
            </a:endParaRPr>
          </a:p>
          <a:p>
            <a:pPr marL="830580" lvl="2" indent="-197485">
              <a:buFont typeface="Wingdings"/>
              <a:buChar char="§"/>
            </a:pPr>
            <a:r>
              <a:rPr lang="da-DK" sz="1200">
                <a:highlight>
                  <a:srgbClr val="FFFF00"/>
                </a:highlight>
                <a:latin typeface="Sitka Text"/>
              </a:rPr>
              <a:t>YELLOW</a:t>
            </a:r>
          </a:p>
          <a:p>
            <a:pPr marL="1287780" lvl="3" indent="-197485">
              <a:buFont typeface="Arial"/>
              <a:buChar char="•"/>
            </a:pPr>
            <a:r>
              <a:rPr lang="da-DK" sz="1200" err="1">
                <a:latin typeface="Sitka Text"/>
              </a:rPr>
              <a:t>Soil</a:t>
            </a:r>
            <a:r>
              <a:rPr lang="da-DK" sz="1200">
                <a:latin typeface="Sitka Text"/>
              </a:rPr>
              <a:t> </a:t>
            </a:r>
            <a:r>
              <a:rPr lang="da-DK" sz="1200" err="1">
                <a:latin typeface="Sitka Text"/>
              </a:rPr>
              <a:t>temperature</a:t>
            </a:r>
            <a:r>
              <a:rPr lang="da-DK" sz="1200">
                <a:latin typeface="Sitka Text"/>
              </a:rPr>
              <a:t> is out of </a:t>
            </a:r>
            <a:r>
              <a:rPr lang="da-DK" sz="1200" err="1">
                <a:latin typeface="Sitka Text"/>
              </a:rPr>
              <a:t>desired</a:t>
            </a:r>
            <a:r>
              <a:rPr lang="da-DK" sz="1200">
                <a:latin typeface="Sitka Text"/>
              </a:rPr>
              <a:t> range </a:t>
            </a:r>
          </a:p>
          <a:p>
            <a:pPr marL="1090295" lvl="3"/>
            <a:endParaRPr lang="da-DK">
              <a:cs typeface="Calibri" panose="020F0502020204030204"/>
            </a:endParaRPr>
          </a:p>
          <a:p>
            <a:pPr marL="830580" lvl="2" indent="-197485">
              <a:buFont typeface="Wingdings"/>
              <a:buChar char="§"/>
            </a:pPr>
            <a:r>
              <a:rPr lang="da-DK" sz="1200">
                <a:highlight>
                  <a:srgbClr val="00FF00"/>
                </a:highlight>
                <a:latin typeface="Sitka Text"/>
              </a:rPr>
              <a:t>GREEN</a:t>
            </a:r>
          </a:p>
          <a:p>
            <a:pPr marL="1287780" lvl="3" indent="-197485">
              <a:buFont typeface="Arial"/>
              <a:buChar char="•"/>
            </a:pPr>
            <a:r>
              <a:rPr lang="da-DK" sz="1200">
                <a:latin typeface="Sitka Text"/>
              </a:rPr>
              <a:t>Air </a:t>
            </a:r>
            <a:r>
              <a:rPr lang="da-DK" sz="1200" err="1">
                <a:latin typeface="Sitka Text"/>
              </a:rPr>
              <a:t>humidity</a:t>
            </a:r>
            <a:r>
              <a:rPr lang="da-DK" sz="1200">
                <a:latin typeface="Sitka Text"/>
              </a:rPr>
              <a:t> is out of </a:t>
            </a:r>
            <a:r>
              <a:rPr lang="da-DK" sz="1200" err="1">
                <a:latin typeface="Sitka Text"/>
              </a:rPr>
              <a:t>desired</a:t>
            </a:r>
            <a:r>
              <a:rPr lang="da-DK" sz="1200">
                <a:latin typeface="Sitka Text"/>
              </a:rPr>
              <a:t> range</a:t>
            </a:r>
          </a:p>
          <a:p>
            <a:pPr marL="1090295" lvl="3"/>
            <a:endParaRPr lang="da-DK">
              <a:cs typeface="Calibri" panose="020F0502020204030204"/>
            </a:endParaRPr>
          </a:p>
          <a:p>
            <a:pPr marL="830580" lvl="2" indent="-197485">
              <a:buFont typeface="Wingdings"/>
              <a:buChar char="§"/>
            </a:pPr>
            <a:r>
              <a:rPr lang="da-DK" sz="1200">
                <a:highlight>
                  <a:srgbClr val="00FFFF"/>
                </a:highlight>
                <a:latin typeface="Sitka Text"/>
              </a:rPr>
              <a:t>BLUE</a:t>
            </a:r>
            <a:endParaRPr lang="da-DK" sz="1246">
              <a:highlight>
                <a:srgbClr val="00FFFF"/>
              </a:highlight>
              <a:latin typeface="Sitka Text"/>
            </a:endParaRPr>
          </a:p>
          <a:p>
            <a:pPr marL="1287780" lvl="3" indent="-197485">
              <a:buFont typeface="Arial"/>
              <a:buChar char="•"/>
            </a:pPr>
            <a:r>
              <a:rPr lang="da-DK" sz="1200" err="1">
                <a:latin typeface="Sitka Text"/>
              </a:rPr>
              <a:t>Soil</a:t>
            </a:r>
            <a:r>
              <a:rPr lang="da-DK" sz="1200">
                <a:latin typeface="Sitka Text"/>
              </a:rPr>
              <a:t> </a:t>
            </a:r>
            <a:r>
              <a:rPr lang="da-DK" sz="1200" err="1">
                <a:latin typeface="Sitka Text"/>
              </a:rPr>
              <a:t>humumidity</a:t>
            </a:r>
            <a:r>
              <a:rPr lang="da-DK" sz="1200">
                <a:latin typeface="Sitka Text"/>
              </a:rPr>
              <a:t> is out of </a:t>
            </a:r>
            <a:r>
              <a:rPr lang="da-DK" sz="1200" err="1">
                <a:latin typeface="Sitka Text"/>
              </a:rPr>
              <a:t>desired</a:t>
            </a:r>
            <a:r>
              <a:rPr lang="da-DK" sz="1200">
                <a:latin typeface="Sitka Text"/>
              </a:rPr>
              <a:t> range</a:t>
            </a:r>
          </a:p>
          <a:p>
            <a:pPr marL="1090295" lvl="3"/>
            <a:endParaRPr lang="da-DK" sz="1200">
              <a:latin typeface="Sitka Text"/>
            </a:endParaRPr>
          </a:p>
          <a:p>
            <a:pPr marL="830580" lvl="2" indent="-197485">
              <a:buFont typeface="Wingdings"/>
              <a:buChar char="§"/>
            </a:pPr>
            <a:r>
              <a:rPr lang="da-DK" sz="1200">
                <a:highlight>
                  <a:srgbClr val="FF00FF"/>
                </a:highlight>
                <a:latin typeface="Sitka Text"/>
              </a:rPr>
              <a:t>PURPLE</a:t>
            </a:r>
          </a:p>
          <a:p>
            <a:pPr marL="1287780" lvl="3" indent="-197485">
              <a:buFont typeface="Arial"/>
              <a:buChar char="•"/>
            </a:pPr>
            <a:r>
              <a:rPr lang="da-DK" sz="1200">
                <a:latin typeface="Sitka Text"/>
              </a:rPr>
              <a:t>Light </a:t>
            </a:r>
            <a:r>
              <a:rPr lang="da-DK" sz="1200" err="1">
                <a:latin typeface="Sitka Text"/>
              </a:rPr>
              <a:t>level</a:t>
            </a:r>
            <a:r>
              <a:rPr lang="da-DK" sz="1200">
                <a:latin typeface="Sitka Text"/>
              </a:rPr>
              <a:t> is </a:t>
            </a:r>
            <a:r>
              <a:rPr lang="da-DK" sz="1200" err="1">
                <a:latin typeface="Sitka Text"/>
              </a:rPr>
              <a:t>too</a:t>
            </a:r>
            <a:r>
              <a:rPr lang="da-DK" sz="1200">
                <a:latin typeface="Sitka Text"/>
              </a:rPr>
              <a:t> low</a:t>
            </a:r>
            <a:endParaRPr lang="da-DK">
              <a:cs typeface="Calibri" panose="020F0502020204030204"/>
            </a:endParaRPr>
          </a:p>
          <a:p>
            <a:pPr marL="949325" lvl="3"/>
            <a:endParaRPr lang="da-DK" sz="1200">
              <a:latin typeface="Sitka Text"/>
            </a:endParaRPr>
          </a:p>
          <a:p>
            <a:pPr marL="949325" lvl="3"/>
            <a:endParaRPr lang="da-DK" sz="1200">
              <a:latin typeface="Sitka Text"/>
            </a:endParaRPr>
          </a:p>
          <a:p>
            <a:pPr marL="949325" lvl="3"/>
            <a:r>
              <a:rPr lang="da-DK" sz="1200">
                <a:latin typeface="Sitka Text"/>
              </a:rPr>
              <a:t>To </a:t>
            </a:r>
            <a:r>
              <a:rPr lang="da-DK" sz="1200" err="1">
                <a:latin typeface="Sitka Text"/>
              </a:rPr>
              <a:t>get</a:t>
            </a:r>
            <a:r>
              <a:rPr lang="da-DK" sz="1200">
                <a:latin typeface="Sitka Text"/>
              </a:rPr>
              <a:t> more </a:t>
            </a:r>
            <a:r>
              <a:rPr lang="da-DK" sz="1200" err="1">
                <a:latin typeface="Sitka Text"/>
              </a:rPr>
              <a:t>detailed</a:t>
            </a:r>
            <a:r>
              <a:rPr lang="da-DK" sz="1200">
                <a:latin typeface="Sitka Text"/>
              </a:rPr>
              <a:t> information </a:t>
            </a:r>
            <a:r>
              <a:rPr lang="da-DK" sz="1200" err="1">
                <a:latin typeface="Sitka Text"/>
              </a:rPr>
              <a:t>about</a:t>
            </a:r>
            <a:r>
              <a:rPr lang="da-DK" sz="1200">
                <a:latin typeface="Sitka Text"/>
              </a:rPr>
              <a:t> the </a:t>
            </a:r>
            <a:r>
              <a:rPr lang="da-DK" sz="1200" err="1">
                <a:latin typeface="Sitka Text"/>
              </a:rPr>
              <a:t>errors</a:t>
            </a:r>
            <a:r>
              <a:rPr lang="da-DK" sz="1200">
                <a:latin typeface="Sitka Text"/>
              </a:rPr>
              <a:t> the user </a:t>
            </a:r>
            <a:r>
              <a:rPr lang="da-DK" sz="1200" err="1">
                <a:latin typeface="Sitka Text"/>
              </a:rPr>
              <a:t>can</a:t>
            </a:r>
            <a:r>
              <a:rPr lang="da-DK" sz="1200">
                <a:latin typeface="Sitka Text"/>
              </a:rPr>
              <a:t> go </a:t>
            </a:r>
            <a:r>
              <a:rPr lang="da-DK" sz="1200" err="1">
                <a:latin typeface="Sitka Text"/>
              </a:rPr>
              <a:t>into</a:t>
            </a:r>
            <a:r>
              <a:rPr lang="da-DK" sz="1200">
                <a:latin typeface="Sitka Text"/>
              </a:rPr>
              <a:t> the display menu and </a:t>
            </a:r>
            <a:r>
              <a:rPr lang="da-DK" sz="1200" err="1">
                <a:latin typeface="Sitka Text"/>
              </a:rPr>
              <a:t>locate</a:t>
            </a:r>
            <a:r>
              <a:rPr lang="da-DK" sz="1200">
                <a:latin typeface="Sitka Text"/>
              </a:rPr>
              <a:t> the </a:t>
            </a:r>
            <a:r>
              <a:rPr lang="da-DK" sz="1200" err="1">
                <a:latin typeface="Sitka Text"/>
              </a:rPr>
              <a:t>current</a:t>
            </a:r>
            <a:r>
              <a:rPr lang="da-DK" sz="1200">
                <a:latin typeface="Sitka Text"/>
              </a:rPr>
              <a:t> </a:t>
            </a:r>
            <a:r>
              <a:rPr lang="da-DK" sz="1200" err="1">
                <a:latin typeface="Sitka Text"/>
              </a:rPr>
              <a:t>values</a:t>
            </a:r>
            <a:r>
              <a:rPr lang="da-DK" sz="1200">
                <a:latin typeface="Sitka Text"/>
              </a:rPr>
              <a:t> </a:t>
            </a:r>
            <a:r>
              <a:rPr lang="da-DK" sz="1200" err="1">
                <a:latin typeface="Sitka Text"/>
              </a:rPr>
              <a:t>that</a:t>
            </a:r>
            <a:r>
              <a:rPr lang="da-DK" sz="1200">
                <a:latin typeface="Sitka Text"/>
              </a:rPr>
              <a:t> </a:t>
            </a:r>
            <a:r>
              <a:rPr lang="da-DK" sz="1200" err="1">
                <a:latin typeface="Sitka Text"/>
              </a:rPr>
              <a:t>are</a:t>
            </a:r>
            <a:r>
              <a:rPr lang="da-DK" sz="1200">
                <a:latin typeface="Sitka Text"/>
              </a:rPr>
              <a:t> </a:t>
            </a:r>
            <a:r>
              <a:rPr lang="da-DK" sz="1200" err="1">
                <a:latin typeface="Sitka Text"/>
              </a:rPr>
              <a:t>causing</a:t>
            </a:r>
            <a:r>
              <a:rPr lang="da-DK" sz="1200">
                <a:latin typeface="Sitka Text"/>
              </a:rPr>
              <a:t> the problem</a:t>
            </a:r>
            <a:endParaRPr lang="da-DK">
              <a:cs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397620422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kstfelt 2">
            <a:extLst>
              <a:ext uri="{FF2B5EF4-FFF2-40B4-BE49-F238E27FC236}">
                <a16:creationId xmlns:a16="http://schemas.microsoft.com/office/drawing/2014/main" id="{4F0C306A-89E0-5619-E729-9CC734A21209}"/>
              </a:ext>
            </a:extLst>
          </p:cNvPr>
          <p:cNvSpPr txBox="1"/>
          <p:nvPr/>
        </p:nvSpPr>
        <p:spPr>
          <a:xfrm>
            <a:off x="271275" y="195110"/>
            <a:ext cx="3833409" cy="494809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63305" tIns="31652" rIns="63305" bIns="31652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197485" indent="-197485">
              <a:buFont typeface="Arial"/>
              <a:buChar char="•"/>
            </a:pPr>
            <a:r>
              <a:rPr lang="da-DK" sz="2800">
                <a:latin typeface="Sitka Text"/>
              </a:rPr>
              <a:t>Extra </a:t>
            </a:r>
            <a:r>
              <a:rPr lang="da-DK" sz="2800" err="1">
                <a:latin typeface="Sitka Text"/>
              </a:rPr>
              <a:t>Functionality</a:t>
            </a:r>
            <a:endParaRPr lang="da-DK" sz="2800">
              <a:latin typeface="Sitka Text"/>
            </a:endParaRPr>
          </a:p>
        </p:txBody>
      </p:sp>
      <p:sp>
        <p:nvSpPr>
          <p:cNvPr id="5" name="Tekstfelt 4">
            <a:extLst>
              <a:ext uri="{FF2B5EF4-FFF2-40B4-BE49-F238E27FC236}">
                <a16:creationId xmlns:a16="http://schemas.microsoft.com/office/drawing/2014/main" id="{5B68F45A-0DD8-68B3-C421-BD6852E57519}"/>
              </a:ext>
            </a:extLst>
          </p:cNvPr>
          <p:cNvSpPr txBox="1"/>
          <p:nvPr/>
        </p:nvSpPr>
        <p:spPr>
          <a:xfrm>
            <a:off x="386342" y="858785"/>
            <a:ext cx="3833284" cy="2840964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63305" tIns="31652" rIns="63305" bIns="31652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513715" lvl="1" indent="-197485">
              <a:buFont typeface="Courier New"/>
              <a:buChar char="o"/>
            </a:pPr>
            <a:r>
              <a:rPr lang="da-DK" sz="1200">
                <a:latin typeface="Sitka Text"/>
              </a:rPr>
              <a:t>Boot animation and sound</a:t>
            </a:r>
            <a:endParaRPr lang="da-DK" sz="1200"/>
          </a:p>
          <a:p>
            <a:pPr marL="513715" lvl="1" indent="-197485">
              <a:buFont typeface="Courier New"/>
              <a:buChar char="o"/>
            </a:pPr>
            <a:r>
              <a:rPr lang="da-DK" sz="1200">
                <a:latin typeface="Sitka Text"/>
              </a:rPr>
              <a:t>RGB LED </a:t>
            </a:r>
            <a:r>
              <a:rPr lang="da-DK" sz="1200" err="1">
                <a:latin typeface="Sitka Text"/>
              </a:rPr>
              <a:t>Error</a:t>
            </a:r>
            <a:r>
              <a:rPr lang="da-DK" sz="1200">
                <a:latin typeface="Sitka Text"/>
              </a:rPr>
              <a:t> </a:t>
            </a:r>
            <a:r>
              <a:rPr lang="da-DK" sz="1200" err="1">
                <a:latin typeface="Sitka Text"/>
              </a:rPr>
              <a:t>codes</a:t>
            </a:r>
            <a:endParaRPr lang="da-DK" sz="1200">
              <a:latin typeface="Sitka Text"/>
            </a:endParaRPr>
          </a:p>
          <a:p>
            <a:pPr marL="513715" lvl="1" indent="-197485">
              <a:buFont typeface="Courier New"/>
              <a:buChar char="o"/>
            </a:pPr>
            <a:r>
              <a:rPr lang="da-DK" sz="1200">
                <a:latin typeface="Sitka Text"/>
              </a:rPr>
              <a:t>Display menu</a:t>
            </a:r>
          </a:p>
          <a:p>
            <a:pPr marL="513715" lvl="1" indent="-197485">
              <a:buFont typeface="Courier New"/>
              <a:buChar char="o"/>
            </a:pPr>
            <a:r>
              <a:rPr lang="da-DK" sz="1200" err="1">
                <a:latin typeface="Sitka Text"/>
              </a:rPr>
              <a:t>Functioning</a:t>
            </a:r>
            <a:r>
              <a:rPr lang="da-DK" sz="1200">
                <a:latin typeface="Sitka Text"/>
              </a:rPr>
              <a:t> </a:t>
            </a:r>
            <a:r>
              <a:rPr lang="da-DK" sz="1200" err="1">
                <a:latin typeface="Sitka Text"/>
              </a:rPr>
              <a:t>buttons</a:t>
            </a:r>
            <a:endParaRPr lang="da-DK" sz="1200">
              <a:latin typeface="Sitka Text"/>
            </a:endParaRPr>
          </a:p>
          <a:p>
            <a:pPr marL="513715" lvl="1" indent="-197485">
              <a:buFont typeface="Courier New"/>
              <a:buChar char="o"/>
            </a:pPr>
            <a:r>
              <a:rPr lang="da-DK" sz="1200">
                <a:latin typeface="Sitka Text"/>
              </a:rPr>
              <a:t>On demand </a:t>
            </a:r>
            <a:r>
              <a:rPr lang="da-DK" sz="1200" err="1">
                <a:latin typeface="Sitka Text"/>
              </a:rPr>
              <a:t>experiments</a:t>
            </a:r>
            <a:r>
              <a:rPr lang="da-DK" sz="1200">
                <a:latin typeface="Sitka Text"/>
              </a:rPr>
              <a:t> for multiple intervals</a:t>
            </a:r>
          </a:p>
          <a:p>
            <a:pPr marL="513715" lvl="1" indent="-197485">
              <a:buFont typeface="Courier New"/>
              <a:buChar char="o"/>
            </a:pPr>
            <a:r>
              <a:rPr lang="da-DK" sz="1200">
                <a:latin typeface="Sitka Text"/>
              </a:rPr>
              <a:t>Progress % and time </a:t>
            </a:r>
            <a:r>
              <a:rPr lang="da-DK" sz="1200" err="1">
                <a:latin typeface="Sitka Text"/>
              </a:rPr>
              <a:t>remaining</a:t>
            </a:r>
            <a:endParaRPr lang="da-DK" sz="1200">
              <a:latin typeface="Sitka Text"/>
            </a:endParaRPr>
          </a:p>
          <a:p>
            <a:pPr marL="513715" lvl="1" indent="-197485">
              <a:buFont typeface="Courier New"/>
              <a:buChar char="o"/>
            </a:pPr>
            <a:r>
              <a:rPr lang="da-DK" sz="1200">
                <a:latin typeface="Sitka Text"/>
              </a:rPr>
              <a:t>Led </a:t>
            </a:r>
            <a:r>
              <a:rPr lang="da-DK" sz="1200" err="1">
                <a:latin typeface="Sitka Text"/>
              </a:rPr>
              <a:t>indicating</a:t>
            </a:r>
            <a:r>
              <a:rPr lang="da-DK" sz="1200">
                <a:latin typeface="Sitka Text"/>
              </a:rPr>
              <a:t> </a:t>
            </a:r>
            <a:r>
              <a:rPr lang="da-DK" sz="1200" err="1">
                <a:latin typeface="Sitka Text"/>
              </a:rPr>
              <a:t>when</a:t>
            </a:r>
            <a:r>
              <a:rPr lang="da-DK" sz="1200">
                <a:latin typeface="Sitka Text"/>
              </a:rPr>
              <a:t> exp. is in </a:t>
            </a:r>
            <a:r>
              <a:rPr lang="da-DK" sz="1200" err="1">
                <a:latin typeface="Sitka Text"/>
              </a:rPr>
              <a:t>progress</a:t>
            </a:r>
            <a:endParaRPr lang="da-DK" sz="1200">
              <a:latin typeface="Sitka Text"/>
            </a:endParaRPr>
          </a:p>
          <a:p>
            <a:pPr marL="513715" lvl="1" indent="-197485">
              <a:buFont typeface="Courier New"/>
              <a:buChar char="o"/>
            </a:pPr>
            <a:r>
              <a:rPr lang="da-DK" sz="1200" err="1">
                <a:latin typeface="Sitka Text"/>
              </a:rPr>
              <a:t>Detailed</a:t>
            </a:r>
            <a:r>
              <a:rPr lang="da-DK" sz="1200">
                <a:latin typeface="Sitka Text"/>
              </a:rPr>
              <a:t> data and data manipulation</a:t>
            </a:r>
          </a:p>
          <a:p>
            <a:pPr marL="513715" lvl="1" indent="-197485">
              <a:buFont typeface="Courier New,monospace"/>
              <a:buChar char="o"/>
            </a:pPr>
            <a:r>
              <a:rPr lang="da-DK" sz="1200">
                <a:latin typeface="Sitka Text"/>
              </a:rPr>
              <a:t>Graph on display</a:t>
            </a:r>
            <a:endParaRPr lang="da-DK"/>
          </a:p>
          <a:p>
            <a:pPr marL="513715" lvl="1" indent="-197485">
              <a:buFont typeface="Courier New"/>
              <a:buChar char="o"/>
            </a:pPr>
            <a:r>
              <a:rPr lang="da-DK" sz="1200">
                <a:latin typeface="Sitka Text"/>
              </a:rPr>
              <a:t>Input feedback</a:t>
            </a:r>
          </a:p>
          <a:p>
            <a:pPr marL="513715" lvl="1" indent="-197485">
              <a:buFont typeface="Courier New"/>
              <a:buChar char="o"/>
            </a:pPr>
            <a:r>
              <a:rPr lang="da-DK" sz="1200">
                <a:latin typeface="Sitka Text"/>
              </a:rPr>
              <a:t>Buzzer tone </a:t>
            </a:r>
            <a:r>
              <a:rPr lang="da-DK" sz="1200" err="1">
                <a:latin typeface="Sitka Text"/>
              </a:rPr>
              <a:t>library</a:t>
            </a:r>
            <a:r>
              <a:rPr lang="da-DK" sz="1200">
                <a:latin typeface="Sitka Text"/>
              </a:rPr>
              <a:t> and </a:t>
            </a:r>
            <a:r>
              <a:rPr lang="da-DK" sz="1200" err="1">
                <a:latin typeface="Sitka Text"/>
              </a:rPr>
              <a:t>music</a:t>
            </a:r>
            <a:endParaRPr lang="da-DK" sz="1200">
              <a:latin typeface="Sitka Text"/>
            </a:endParaRPr>
          </a:p>
          <a:p>
            <a:pPr marL="513715" lvl="1" indent="-197485">
              <a:buFont typeface="Courier New"/>
              <a:buChar char="o"/>
            </a:pPr>
            <a:r>
              <a:rPr lang="da-DK" sz="1200">
                <a:latin typeface="Sitka Text"/>
              </a:rPr>
              <a:t>Animation</a:t>
            </a:r>
          </a:p>
          <a:p>
            <a:pPr marL="513715" lvl="1" indent="-197485">
              <a:buFont typeface="Courier New"/>
              <a:buChar char="o"/>
            </a:pPr>
            <a:r>
              <a:rPr lang="da-DK" sz="1200">
                <a:latin typeface="Sitka Text"/>
              </a:rPr>
              <a:t>(</a:t>
            </a:r>
            <a:r>
              <a:rPr lang="da-DK" sz="1200" err="1">
                <a:latin typeface="Sitka Text"/>
              </a:rPr>
              <a:t>secret</a:t>
            </a:r>
            <a:r>
              <a:rPr lang="da-DK" sz="1200">
                <a:latin typeface="Sitka Text"/>
              </a:rPr>
              <a:t>)</a:t>
            </a:r>
          </a:p>
          <a:p>
            <a:pPr marL="513715" lvl="1" indent="-197485">
              <a:buFont typeface="Courier New"/>
              <a:buChar char="o"/>
            </a:pPr>
            <a:endParaRPr lang="da-DK" sz="1246">
              <a:latin typeface="Sitka Text"/>
            </a:endParaRPr>
          </a:p>
        </p:txBody>
      </p:sp>
    </p:spTree>
    <p:extLst>
      <p:ext uri="{BB962C8B-B14F-4D97-AF65-F5344CB8AC3E}">
        <p14:creationId xmlns:p14="http://schemas.microsoft.com/office/powerpoint/2010/main" val="3898717410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2013 - 2022 Theme</Template>
  <Application>Microsoft Office PowerPoint</Application>
  <PresentationFormat>Widescreen</PresentationFormat>
  <Slides>7</Slides>
  <Notes>0</Notes>
  <HiddenSlides>0</HiddenSlide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7</vt:i4>
      </vt:variant>
    </vt:vector>
  </HeadingPairs>
  <TitlesOfParts>
    <vt:vector size="8" baseType="lpstr">
      <vt:lpstr>Office Theme</vt:lpstr>
      <vt:lpstr>PowerPoint Presentation</vt:lpstr>
      <vt:lpstr>PowerPoint Presentation</vt:lpstr>
      <vt:lpstr>Datacollection: Inside to outside (Dusk)</vt:lpstr>
      <vt:lpstr>Datacollection: Outside to inside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-præsentation</dc:title>
  <dc:creator/>
  <cp:revision>1</cp:revision>
  <dcterms:created xsi:type="dcterms:W3CDTF">2024-01-17T20:54:14Z</dcterms:created>
  <dcterms:modified xsi:type="dcterms:W3CDTF">2024-01-19T08:41:57Z</dcterms:modified>
</cp:coreProperties>
</file>